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3º Bimestre 2015 - Republicação\"/>
    </mc:Choice>
  </mc:AlternateContent>
  <bookViews>
    <workbookView xWindow="10980" yWindow="75" windowWidth="9495" windowHeight="7740" tabRatio="916"/>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5</definedName>
    <definedName name="_xlnm.Print_Area" localSheetId="12">'Anexo 13 - Despesas PPP'!$A$1:$L$58</definedName>
    <definedName name="_xlnm.Print_Area" localSheetId="13">'Anexo 14 - Simplificado'!$A$1:$E$105</definedName>
    <definedName name="_xlnm.Print_Area" localSheetId="2">'Anexo 2 - Função'!$A$1:$L$189</definedName>
    <definedName name="_xlnm.Print_Area" localSheetId="3">'Anexo 2.1 - Função - Intra'!$A$1:$L$114</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2</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1</definedName>
    <definedName name="Z_15F968AB_9DD6_4E60_9FDC_FEF44C5FFDCB_.wvu.PrintArea" localSheetId="2" hidden="1">'Anexo 2 - Função'!$A$1:$L$179</definedName>
    <definedName name="Z_15F968AB_9DD6_4E60_9FDC_FEF44C5FFDCB_.wvu.PrintArea" localSheetId="3" hidden="1">'Anexo 2.1 - Função - Intra'!$A$1:$L$104</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7</definedName>
    <definedName name="Z_25EF1E0D_169B_4051_B414_7E1196FC05E4_.wvu.PrintArea" localSheetId="11" hidden="1">'Anexo 12 - Saúde (Estados)'!$A$1:$H$127</definedName>
    <definedName name="Z_25EF1E0D_169B_4051_B414_7E1196FC05E4_.wvu.PrintArea" localSheetId="12" hidden="1">'Anexo 13 - Despesas PPP'!$A$1:$L$48</definedName>
    <definedName name="Z_25EF1E0D_169B_4051_B414_7E1196FC05E4_.wvu.PrintArea" localSheetId="13" hidden="1">'Anexo 14 - Simplificado'!$A$1:$E$97</definedName>
    <definedName name="Z_25EF1E0D_169B_4051_B414_7E1196FC05E4_.wvu.PrintArea" localSheetId="2" hidden="1">'Anexo 2 - Função'!$A$1:$L$179</definedName>
    <definedName name="Z_25EF1E0D_169B_4051_B414_7E1196FC05E4_.wvu.PrintArea" localSheetId="3" hidden="1">'Anexo 2.1 - Função - Intra'!$A$1:$L$104</definedName>
    <definedName name="Z_25EF1E0D_169B_4051_B414_7E1196FC05E4_.wvu.PrintArea" localSheetId="4" hidden="1">'Anexo 3 - RCL Estados'!$A$1:$H$74</definedName>
    <definedName name="Z_25EF1E0D_169B_4051_B414_7E1196FC05E4_.wvu.PrintArea" localSheetId="5" hidden="1">'Anexo 4 - RPPS Financeiro FR 40'!$A$1:$I$129</definedName>
    <definedName name="Z_25EF1E0D_169B_4051_B414_7E1196FC05E4_.wvu.PrintArea" localSheetId="6" hidden="1">'Anexo 4 - RPPS Previdenciário47'!$A$1:$I$128</definedName>
    <definedName name="Z_25EF1E0D_169B_4051_B414_7E1196FC05E4_.wvu.PrintArea" localSheetId="7" hidden="1">'Anexo 5 - Resultado Nominal'!$A$1:$G$49</definedName>
    <definedName name="Z_25EF1E0D_169B_4051_B414_7E1196FC05E4_.wvu.PrintArea" localSheetId="8" hidden="1">'Anexo 6 - Primário Estados'!$A$1:$H$75</definedName>
    <definedName name="Z_25EF1E0D_169B_4051_B414_7E1196FC05E4_.wvu.PrintArea" localSheetId="9" hidden="1">'Anexo 7 - RP Poder e Órgão'!$A$1:$G$93</definedName>
    <definedName name="Z_25EF1E0D_169B_4051_B414_7E1196FC05E4_.wvu.PrintArea" localSheetId="10" hidden="1">'Anexo 8 - MDE - Estados'!$A$1:$H$189</definedName>
    <definedName name="Z_3AAF6A5F_F9AA_430B_9AD9_1261ECDF41B5_.wvu.PrintArea" localSheetId="0" hidden="1">'Anexo 1 - Balanço Orçamentário'!$A$2:$L$133</definedName>
    <definedName name="Z_3AAF6A5F_F9AA_430B_9AD9_1261ECDF41B5_.wvu.PrintArea" localSheetId="12" hidden="1">'Anexo 13 - Despesas PPP'!$A$1:$L$48</definedName>
    <definedName name="Z_3AAF6A5F_F9AA_430B_9AD9_1261ECDF41B5_.wvu.PrintArea" localSheetId="13" hidden="1">'Anexo 14 - Simplificado'!$A$3:$E$97</definedName>
    <definedName name="Z_3AAF6A5F_F9AA_430B_9AD9_1261ECDF41B5_.wvu.PrintArea" localSheetId="2" hidden="1">'Anexo 2 - Função'!$A$2:$L$179</definedName>
    <definedName name="Z_3AAF6A5F_F9AA_430B_9AD9_1261ECDF41B5_.wvu.PrintArea" localSheetId="4" hidden="1">'Anexo 3 - RCL Estados'!$A$1:$H$46</definedName>
    <definedName name="Z_3AAF6A5F_F9AA_430B_9AD9_1261ECDF41B5_.wvu.PrintArea" localSheetId="6" hidden="1">'Anexo 4 - RPPS Previdenciário47'!$A$3:$I$128</definedName>
    <definedName name="Z_3AAF6A5F_F9AA_430B_9AD9_1261ECDF41B5_.wvu.PrintArea" localSheetId="7" hidden="1">'Anexo 5 - Resultado Nominal'!$A$2:$G$60</definedName>
    <definedName name="Z_3AAF6A5F_F9AA_430B_9AD9_1261ECDF41B5_.wvu.PrintArea" localSheetId="8" hidden="1">'Anexo 6 - Primário Estados'!$A$2:$H$87</definedName>
    <definedName name="Z_3AAF6A5F_F9AA_430B_9AD9_1261ECDF41B5_.wvu.PrintArea" localSheetId="9" hidden="1">'Anexo 7 - RP Poder e Órgão'!$A$3:$G$104</definedName>
    <definedName name="Z_3AAF6A5F_F9AA_430B_9AD9_1261ECDF41B5_.wvu.PrintArea" localSheetId="10" hidden="1">'Anexo 8 - MDE - Estados'!$A$2:$H$189</definedName>
    <definedName name="Z_3AAF6A5F_F9AA_430B_9AD9_1261ECDF41B5_.wvu.Rows" localSheetId="0" hidden="1">'Anexo 1 - Balanço Orçamentário'!$77:$82,'Anexo 1 - Balanço Orçamentário'!$111:$11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5</definedName>
    <definedName name="Z_6DBFA32C_4AA4_4E1D_9A48_697377C64CC3_.wvu.PrintArea" localSheetId="12" hidden="1">'Anexo 13 - Despesas PPP'!$A$1:$L$58</definedName>
    <definedName name="Z_6DBFA32C_4AA4_4E1D_9A48_697377C64CC3_.wvu.PrintArea" localSheetId="13" hidden="1">'Anexo 14 - Simplificado'!$A$1:$E$105</definedName>
    <definedName name="Z_6DBFA32C_4AA4_4E1D_9A48_697377C64CC3_.wvu.PrintArea" localSheetId="2" hidden="1">'Anexo 2 - Função'!$A$1:$L$189</definedName>
    <definedName name="Z_6DBFA32C_4AA4_4E1D_9A48_697377C64CC3_.wvu.PrintArea" localSheetId="3" hidden="1">'Anexo 2.1 - Função - Intra'!$A$1:$L$114</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2</definedName>
    <definedName name="Z_6DBFA32C_4AA4_4E1D_9A48_697377C64CC3_.wvu.PrintArea" localSheetId="10" hidden="1">'Anexo 8 - MDE - Estados'!$A$1:$H$196</definedName>
    <definedName name="Z_82EDB5A4_4824_4632_A540_7A52C92F04C7_.wvu.PrintArea" localSheetId="0" hidden="1">'Anexo 1 - Balanço Orçamentário'!$A$1:$L$132</definedName>
    <definedName name="Z_82EDB5A4_4824_4632_A540_7A52C92F04C7_.wvu.PrintArea" localSheetId="1" hidden="1">'Anexo 1.1 Balanço Orç Intra '!$A$1:$L$104</definedName>
    <definedName name="Z_82EDB5A4_4824_4632_A540_7A52C92F04C7_.wvu.PrintArea" localSheetId="11" hidden="1">'Anexo 12 - Saúde (Estados)'!$A$1:$H$135</definedName>
    <definedName name="Z_82EDB5A4_4824_4632_A540_7A52C92F04C7_.wvu.PrintArea" localSheetId="12" hidden="1">'Anexo 13 - Despesas PPP'!$A$1:$L$58</definedName>
    <definedName name="Z_82EDB5A4_4824_4632_A540_7A52C92F04C7_.wvu.PrintArea" localSheetId="13" hidden="1">'Anexo 14 - Simplificado'!$A$1:$E$105</definedName>
    <definedName name="Z_82EDB5A4_4824_4632_A540_7A52C92F04C7_.wvu.PrintArea" localSheetId="2" hidden="1">'Anexo 2 - Função'!$A$1:$L$189</definedName>
    <definedName name="Z_82EDB5A4_4824_4632_A540_7A52C92F04C7_.wvu.PrintArea" localSheetId="3" hidden="1">'Anexo 2.1 - Função - Intra'!$A$1:$L$114</definedName>
    <definedName name="Z_82EDB5A4_4824_4632_A540_7A52C92F04C7_.wvu.PrintArea" localSheetId="4" hidden="1">'Anexo 3 - RCL Estados'!$A$1:$H$84</definedName>
    <definedName name="Z_82EDB5A4_4824_4632_A540_7A52C92F04C7_.wvu.PrintArea" localSheetId="5" hidden="1">'Anexo 4 - RPPS Financeiro FR 40'!$A$1:$I$135</definedName>
    <definedName name="Z_82EDB5A4_4824_4632_A540_7A52C92F04C7_.wvu.PrintArea" localSheetId="6" hidden="1">'Anexo 4 - RPPS Previdenciário47'!$A$1:$I$135</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2</definedName>
    <definedName name="Z_82EDB5A4_4824_4632_A540_7A52C92F04C7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5</definedName>
    <definedName name="Z_C779D862_DE28_46CD_A428_4AAA1056D1E1_.wvu.PrintArea" localSheetId="12" hidden="1">'Anexo 13 - Despesas PPP'!$A$1:$L$58</definedName>
    <definedName name="Z_C779D862_DE28_46CD_A428_4AAA1056D1E1_.wvu.PrintArea" localSheetId="13" hidden="1">'Anexo 14 - Simplificado'!$A$1:$E$105</definedName>
    <definedName name="Z_C779D862_DE28_46CD_A428_4AAA1056D1E1_.wvu.PrintArea" localSheetId="2" hidden="1">'Anexo 2 - Função'!$A$1:$L$189</definedName>
    <definedName name="Z_C779D862_DE28_46CD_A428_4AAA1056D1E1_.wvu.PrintArea" localSheetId="3" hidden="1">'Anexo 2.1 - Função - Intra'!$A$1:$L$114</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2</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alcMode="manual"/>
  <customWorkbookViews>
    <customWorkbookView name="vyasunaka - Modo de exibição pessoal" guid="{82EDB5A4-4824-4632-A540-7A52C92F04C7}" mergeInterval="0" personalView="1" maximized="1" xWindow="1" yWindow="1" windowWidth="1362" windowHeight="492" tabRatio="711" activeSheetId="12"/>
    <customWorkbookView name="rooliveira - Modo de exibição pessoal" guid="{3AAF6A5F-F9AA-430B-9AD9-1261ECDF41B5}" mergeInterval="0" personalView="1" maximized="1" xWindow="1" yWindow="1" windowWidth="1362" windowHeight="496" tabRatio="951" activeSheetId="2"/>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sandrade - Modo de exibição pessoal" guid="{6DBFA32C-4AA4-4E1D-9A48-697377C64CC3}" mergeInterval="0" personalView="1" maximized="1" xWindow="1" yWindow="1" windowWidth="1362" windowHeight="496" tabRatio="889" activeSheetId="8"/>
    <customWorkbookView name="JOSE CARLOS BERNARDI - Modo de exibição pessoal" guid="{25EF1E0D-169B-4051-B414-7E1196FC05E4}" mergeInterval="0" personalView="1" maximized="1" xWindow="1" yWindow="1" windowWidth="1362" windowHeight="496" tabRatio="951" activeSheetId="7"/>
    <customWorkbookView name="CLÁUDIO JOSÉ DAINESE - Modo de exibição pessoal" guid="{C779D862-DE28-46CD-A428-4AAA1056D1E1}" mergeInterval="0" personalView="1" maximized="1" xWindow="-8" yWindow="-8" windowWidth="1382" windowHeight="744" tabRatio="870" activeSheetId="14"/>
  </customWorkbookViews>
  <fileRecoveryPr autoRecover="0"/>
</workbook>
</file>

<file path=xl/sharedStrings.xml><?xml version="1.0" encoding="utf-8"?>
<sst xmlns="http://schemas.openxmlformats.org/spreadsheetml/2006/main" count="1712" uniqueCount="886">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t>FUNÇÃO/SUBFUNÇÃO INTRA-ORÇAMENTÁRIA</t>
  </si>
  <si>
    <t>RREO - Anexo 2.1 (LRF, Art. 52, inciso II, alínea "c")</t>
  </si>
  <si>
    <t>TOTAL INTRA-ORÇAMENTÁRIA</t>
  </si>
  <si>
    <t xml:space="preserve">           Transferências a Municípios</t>
  </si>
  <si>
    <t xml:space="preserve">           Demais Despesas Correntes</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RECEITA RESULTANTE DE IMPOSTOS</t>
  </si>
  <si>
    <t>(caput do art. 212 da Constituição)</t>
  </si>
  <si>
    <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MAI/2015</t>
  </si>
  <si>
    <t>JUN/2015</t>
  </si>
  <si>
    <t xml:space="preserve">       Transferências Constitucionais e Legais</t>
  </si>
  <si>
    <t xml:space="preserve">       Demais Despesas Correntes</t>
  </si>
  <si>
    <t>JANEIRO A JUNHO DE 2015 - BIMESTRE MAIO-JUNHO</t>
  </si>
  <si>
    <t>JULHO 2014 A JUNHO 2015</t>
  </si>
  <si>
    <t>JUL/2014</t>
  </si>
  <si>
    <t>AGO/2014</t>
  </si>
  <si>
    <t>SET/2014</t>
  </si>
  <si>
    <t>OUT/2014</t>
  </si>
  <si>
    <t>FONTE: SPF - Sistema de Planejamento e finanças do Estado de MS e RREO Outros Poderes  -  AGE - Auditoria-Geral do Estado</t>
  </si>
  <si>
    <t>INSCRITAS EM RESTOS A PAGAR NÃO PROCESSADOS (f)</t>
  </si>
  <si>
    <t xml:space="preserve">   Direitos Inddividuais, Coletivos e Difusos</t>
  </si>
  <si>
    <t xml:space="preserve">HABITAÇÃO   </t>
  </si>
  <si>
    <t>Em 31/Abr/2015</t>
  </si>
  <si>
    <t>Em 30/Jun/2015</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5"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sz val="8"/>
      <color theme="1"/>
      <name val="Verdana"/>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6" fillId="0" borderId="0" applyFont="0" applyFill="0" applyBorder="0" applyAlignment="0" applyProtection="0"/>
  </cellStyleXfs>
  <cellXfs count="1151">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8" xfId="0" applyFont="1" applyFill="1" applyBorder="1" applyAlignment="1">
      <alignment vertical="center"/>
    </xf>
    <xf numFmtId="0" fontId="4" fillId="0" borderId="3" xfId="0" applyFont="1" applyFill="1" applyBorder="1" applyAlignment="1">
      <alignment vertical="center"/>
    </xf>
    <xf numFmtId="3" fontId="4" fillId="0" borderId="5" xfId="0" applyNumberFormat="1"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37" fontId="4" fillId="0" borderId="2" xfId="0" applyNumberFormat="1"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2" xfId="0" applyNumberFormat="1" applyFont="1" applyFill="1" applyBorder="1" applyAlignment="1">
      <alignment horizontal="center" vertical="center"/>
    </xf>
    <xf numFmtId="9" fontId="4" fillId="0" borderId="13" xfId="0" applyNumberFormat="1" applyFont="1" applyFill="1" applyBorder="1" applyAlignment="1">
      <alignment horizontal="center" vertical="center"/>
    </xf>
    <xf numFmtId="0" fontId="5" fillId="0" borderId="11"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11" xfId="1" applyFont="1" applyFill="1" applyBorder="1" applyAlignment="1">
      <alignment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1"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6" xfId="1" applyFont="1" applyFill="1" applyBorder="1" applyAlignment="1">
      <alignment vertical="center" wrapText="1"/>
    </xf>
    <xf numFmtId="0" fontId="4" fillId="3" borderId="3" xfId="1" applyFont="1" applyFill="1" applyBorder="1" applyAlignment="1">
      <alignment vertical="center" wrapText="1"/>
    </xf>
    <xf numFmtId="0" fontId="4" fillId="0" borderId="7" xfId="1" applyFont="1" applyBorder="1" applyAlignment="1">
      <alignment vertical="center"/>
    </xf>
    <xf numFmtId="0" fontId="11" fillId="0" borderId="0" xfId="1" applyFont="1" applyFill="1" applyBorder="1" applyAlignment="1">
      <alignment vertical="center"/>
    </xf>
    <xf numFmtId="0" fontId="11" fillId="0" borderId="0" xfId="1" applyFont="1" applyFill="1" applyAlignment="1">
      <alignment vertical="center"/>
    </xf>
    <xf numFmtId="0" fontId="11"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3"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5" fillId="2" borderId="10"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49" fontId="5" fillId="0" borderId="0" xfId="0" applyNumberFormat="1" applyFont="1" applyFill="1" applyBorder="1" applyAlignment="1">
      <alignment vertical="center"/>
    </xf>
    <xf numFmtId="0" fontId="5" fillId="0" borderId="14" xfId="0"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4"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2" xfId="0"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37" fontId="5" fillId="0" borderId="2" xfId="0" applyNumberFormat="1" applyFont="1" applyFill="1" applyBorder="1" applyAlignment="1">
      <alignmen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37" fontId="5" fillId="0" borderId="14" xfId="0" applyNumberFormat="1" applyFont="1" applyFill="1" applyBorder="1" applyAlignment="1">
      <alignmen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165" fontId="5" fillId="0" borderId="2" xfId="3"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165" fontId="4" fillId="0" borderId="2" xfId="3" applyFont="1" applyFill="1" applyBorder="1" applyAlignment="1">
      <alignment horizontal="center" vertical="center" wrapText="1"/>
    </xf>
    <xf numFmtId="165" fontId="5" fillId="2" borderId="15" xfId="3" applyFont="1" applyFill="1" applyBorder="1" applyAlignment="1">
      <alignment horizontal="center" vertical="center" wrapText="1"/>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4" xfId="1" applyFont="1" applyFill="1" applyBorder="1" applyAlignment="1">
      <alignment vertical="center"/>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43" fontId="5" fillId="0" borderId="14" xfId="5" applyFont="1" applyFill="1" applyBorder="1" applyAlignment="1">
      <alignment vertical="center"/>
    </xf>
    <xf numFmtId="43" fontId="5" fillId="0" borderId="11" xfId="5" applyFont="1" applyFill="1" applyBorder="1" applyAlignment="1">
      <alignment vertical="center"/>
    </xf>
    <xf numFmtId="43" fontId="4" fillId="0" borderId="2" xfId="5" applyFont="1" applyFill="1" applyBorder="1" applyAlignment="1">
      <alignment vertical="center"/>
    </xf>
    <xf numFmtId="43" fontId="4" fillId="0" borderId="8" xfId="5" applyFont="1" applyFill="1" applyBorder="1" applyAlignment="1">
      <alignmen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10" xfId="5" applyFont="1" applyFill="1" applyBorder="1" applyAlignment="1">
      <alignment vertical="center"/>
    </xf>
    <xf numFmtId="43" fontId="4" fillId="0" borderId="0" xfId="5" applyFont="1" applyFill="1" applyAlignment="1">
      <alignment vertical="center"/>
    </xf>
    <xf numFmtId="43" fontId="4" fillId="0" borderId="13" xfId="5" applyFont="1" applyFill="1" applyBorder="1" applyAlignment="1">
      <alignment vertical="center"/>
    </xf>
    <xf numFmtId="43" fontId="5" fillId="0" borderId="2" xfId="5" applyFont="1" applyFill="1" applyBorder="1" applyAlignment="1">
      <alignment vertical="center"/>
    </xf>
    <xf numFmtId="43" fontId="4" fillId="0" borderId="1" xfId="5" applyFont="1" applyFill="1" applyBorder="1" applyAlignment="1">
      <alignment vertical="center"/>
    </xf>
    <xf numFmtId="43" fontId="4" fillId="0" borderId="0" xfId="5" applyFont="1" applyFill="1" applyBorder="1" applyAlignment="1">
      <alignment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0" borderId="8" xfId="5" applyFont="1" applyFill="1" applyBorder="1" applyAlignment="1">
      <alignment vertical="center"/>
    </xf>
    <xf numFmtId="43" fontId="5" fillId="2" borderId="10" xfId="5" applyFont="1" applyFill="1" applyBorder="1" applyAlignment="1">
      <alignment vertical="center"/>
    </xf>
    <xf numFmtId="43" fontId="5" fillId="2" borderId="15" xfId="5" applyFont="1" applyFill="1" applyBorder="1" applyAlignment="1">
      <alignment vertical="center"/>
    </xf>
    <xf numFmtId="43" fontId="5" fillId="2" borderId="15" xfId="5" applyFont="1" applyFill="1" applyBorder="1" applyAlignment="1">
      <alignment horizontal="right"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3" fontId="4" fillId="0" borderId="14" xfId="5" applyFont="1" applyFill="1" applyBorder="1" applyAlignment="1">
      <alignment vertical="center"/>
    </xf>
    <xf numFmtId="43" fontId="4" fillId="0" borderId="4" xfId="5" applyFont="1" applyFill="1" applyBorder="1" applyAlignment="1">
      <alignment vertical="center"/>
    </xf>
    <xf numFmtId="43" fontId="4" fillId="0" borderId="2" xfId="5" applyFont="1" applyBorder="1"/>
    <xf numFmtId="43" fontId="5" fillId="2" borderId="5" xfId="5" applyFont="1" applyFill="1" applyBorder="1" applyAlignment="1">
      <alignment vertical="center"/>
    </xf>
    <xf numFmtId="43" fontId="4" fillId="0" borderId="5" xfId="5" applyFont="1" applyFill="1" applyBorder="1" applyAlignment="1">
      <alignment vertical="center"/>
    </xf>
    <xf numFmtId="165" fontId="5" fillId="0" borderId="12" xfId="3" applyFont="1" applyFill="1" applyBorder="1" applyAlignment="1">
      <alignment horizontal="center"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49" fontId="5" fillId="0" borderId="2" xfId="5" applyNumberFormat="1" applyFont="1" applyFill="1" applyBorder="1" applyAlignment="1">
      <alignment horizontal="right"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43" fontId="5" fillId="0" borderId="8" xfId="0" applyNumberFormat="1" applyFont="1" applyFill="1" applyBorder="1" applyAlignment="1">
      <alignment vertical="center"/>
    </xf>
    <xf numFmtId="43" fontId="5" fillId="0" borderId="0" xfId="5" applyFont="1" applyFill="1" applyBorder="1" applyAlignment="1">
      <alignment vertical="center"/>
    </xf>
    <xf numFmtId="43" fontId="5" fillId="2" borderId="11" xfId="5" applyFont="1" applyFill="1" applyBorder="1" applyAlignment="1">
      <alignment vertical="center"/>
    </xf>
    <xf numFmtId="43" fontId="5" fillId="0" borderId="6" xfId="5" applyFont="1" applyFill="1" applyBorder="1" applyAlignment="1">
      <alignment horizontal="left" vertical="center" wrapText="1"/>
    </xf>
    <xf numFmtId="43" fontId="5" fillId="0" borderId="3" xfId="5" applyFont="1" applyFill="1" applyBorder="1" applyAlignment="1">
      <alignment horizontal="left" vertical="center" wrapText="1"/>
    </xf>
    <xf numFmtId="43" fontId="5" fillId="2" borderId="12" xfId="1" applyNumberFormat="1" applyFont="1" applyFill="1" applyBorder="1" applyAlignment="1">
      <alignment horizontal="left" vertical="center" wrapText="1"/>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wrapText="1"/>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wrapText="1"/>
    </xf>
    <xf numFmtId="43" fontId="5" fillId="0" borderId="2" xfId="1" applyNumberFormat="1" applyFont="1" applyFill="1" applyBorder="1" applyAlignment="1">
      <alignment vertical="center"/>
    </xf>
    <xf numFmtId="43" fontId="5" fillId="0" borderId="2" xfId="1" applyNumberFormat="1" applyFont="1" applyFill="1" applyBorder="1" applyAlignment="1">
      <alignment vertical="center" wrapText="1"/>
    </xf>
    <xf numFmtId="43" fontId="4" fillId="0" borderId="2" xfId="1" applyNumberFormat="1" applyFont="1" applyFill="1" applyBorder="1" applyAlignment="1">
      <alignment vertical="center"/>
    </xf>
    <xf numFmtId="43" fontId="4" fillId="0" borderId="8" xfId="1" applyNumberFormat="1" applyFont="1" applyFill="1" applyBorder="1" applyAlignment="1">
      <alignment horizontal="center" vertical="center"/>
    </xf>
    <xf numFmtId="43" fontId="5" fillId="0" borderId="11" xfId="1" applyNumberFormat="1" applyFont="1" applyFill="1" applyBorder="1" applyAlignment="1">
      <alignment vertical="center"/>
    </xf>
    <xf numFmtId="43" fontId="5" fillId="0" borderId="8" xfId="1" applyNumberFormat="1" applyFont="1" applyFill="1" applyBorder="1" applyAlignment="1">
      <alignment vertical="center"/>
    </xf>
    <xf numFmtId="43" fontId="5" fillId="0" borderId="1" xfId="1" applyNumberFormat="1" applyFont="1" applyFill="1" applyBorder="1" applyAlignment="1">
      <alignment vertical="center"/>
    </xf>
    <xf numFmtId="43" fontId="5" fillId="2" borderId="15" xfId="1" applyNumberFormat="1" applyFont="1" applyFill="1" applyBorder="1" applyAlignment="1">
      <alignment vertical="center"/>
    </xf>
    <xf numFmtId="43" fontId="5" fillId="0" borderId="14" xfId="1" applyNumberFormat="1" applyFont="1" applyFill="1" applyBorder="1" applyAlignment="1">
      <alignment vertical="center"/>
    </xf>
    <xf numFmtId="43" fontId="5" fillId="0" borderId="2" xfId="1" applyNumberFormat="1" applyFont="1" applyFill="1" applyBorder="1" applyAlignment="1">
      <alignment horizontal="center" vertical="center"/>
    </xf>
    <xf numFmtId="43" fontId="4" fillId="0" borderId="2" xfId="1" applyNumberFormat="1" applyFont="1" applyFill="1" applyBorder="1" applyAlignment="1">
      <alignment horizontal="center" vertical="center"/>
    </xf>
    <xf numFmtId="43" fontId="5" fillId="0" borderId="11" xfId="1" applyNumberFormat="1" applyFont="1" applyBorder="1" applyAlignment="1">
      <alignment vertical="center"/>
    </xf>
    <xf numFmtId="43" fontId="4" fillId="0" borderId="8" xfId="1" applyNumberFormat="1" applyFont="1" applyBorder="1" applyAlignment="1">
      <alignment vertical="center"/>
    </xf>
    <xf numFmtId="43" fontId="5" fillId="0" borderId="8" xfId="1" applyNumberFormat="1" applyFont="1" applyBorder="1" applyAlignment="1">
      <alignment vertical="center"/>
    </xf>
    <xf numFmtId="43" fontId="4" fillId="0" borderId="1" xfId="1" applyNumberFormat="1" applyFont="1" applyBorder="1" applyAlignment="1">
      <alignment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3" borderId="14" xfId="1" applyNumberFormat="1" applyFont="1" applyFill="1" applyBorder="1" applyAlignment="1">
      <alignment horizontal="left" vertical="center"/>
    </xf>
    <xf numFmtId="43" fontId="4" fillId="3" borderId="2" xfId="1" applyNumberFormat="1" applyFont="1" applyFill="1" applyBorder="1" applyAlignment="1">
      <alignment horizontal="left" vertical="center"/>
    </xf>
    <xf numFmtId="43" fontId="4" fillId="0" borderId="8" xfId="1" applyNumberFormat="1" applyFont="1" applyFill="1" applyBorder="1" applyAlignment="1">
      <alignment vertical="center"/>
    </xf>
    <xf numFmtId="43" fontId="4" fillId="3" borderId="6" xfId="1" applyNumberFormat="1" applyFont="1" applyFill="1" applyBorder="1" applyAlignment="1">
      <alignment horizontal="left" vertical="center"/>
    </xf>
    <xf numFmtId="43" fontId="4" fillId="3" borderId="3" xfId="1" applyNumberFormat="1" applyFont="1" applyFill="1" applyBorder="1" applyAlignment="1">
      <alignment horizontal="left" vertical="center"/>
    </xf>
    <xf numFmtId="43" fontId="4" fillId="0" borderId="0" xfId="1" applyNumberFormat="1" applyFont="1" applyFill="1" applyBorder="1" applyAlignment="1">
      <alignment horizontal="center" vertical="center"/>
    </xf>
    <xf numFmtId="43" fontId="4" fillId="0" borderId="0" xfId="1" applyNumberFormat="1" applyFont="1" applyAlignment="1">
      <alignment vertical="center"/>
    </xf>
    <xf numFmtId="43" fontId="4" fillId="0" borderId="11" xfId="1" applyNumberFormat="1" applyFont="1" applyBorder="1" applyAlignment="1">
      <alignment vertical="center"/>
    </xf>
    <xf numFmtId="43" fontId="5" fillId="2" borderId="7" xfId="1" applyNumberFormat="1" applyFont="1" applyFill="1" applyBorder="1" applyAlignment="1">
      <alignment vertical="center"/>
    </xf>
    <xf numFmtId="43" fontId="4" fillId="0" borderId="8" xfId="5" applyFont="1" applyFill="1" applyBorder="1" applyAlignment="1">
      <alignment horizontal="right" vertical="center"/>
    </xf>
    <xf numFmtId="43" fontId="5" fillId="0" borderId="1" xfId="5" applyFont="1" applyFill="1" applyBorder="1" applyAlignment="1">
      <alignment vertical="center"/>
    </xf>
    <xf numFmtId="43" fontId="5" fillId="2" borderId="1" xfId="5" applyFont="1" applyFill="1" applyBorder="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4"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2" xfId="5" applyFont="1" applyFill="1" applyBorder="1" applyAlignment="1">
      <alignment horizontal="right" vertical="center" wrapText="1"/>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2" borderId="10" xfId="5" applyFont="1" applyFill="1" applyBorder="1" applyAlignment="1">
      <alignment horizontal="right" vertical="center"/>
    </xf>
    <xf numFmtId="43" fontId="4" fillId="0" borderId="3" xfId="5" applyFont="1" applyFill="1" applyBorder="1" applyAlignment="1">
      <alignment horizontal="left" vertical="center" wrapText="1"/>
    </xf>
    <xf numFmtId="43" fontId="5" fillId="0" borderId="3" xfId="5" applyFont="1" applyFill="1" applyBorder="1" applyAlignment="1">
      <alignment horizontal="right" vertical="center" wrapText="1"/>
    </xf>
    <xf numFmtId="43" fontId="5" fillId="2" borderId="9" xfId="5" applyFont="1" applyFill="1" applyBorder="1" applyAlignment="1">
      <alignment horizontal="left" vertical="center" wrapText="1"/>
    </xf>
    <xf numFmtId="43" fontId="5" fillId="2" borderId="10" xfId="5" applyFont="1" applyFill="1" applyBorder="1" applyAlignment="1">
      <alignment horizontal="left" vertical="center" wrapText="1"/>
    </xf>
    <xf numFmtId="43" fontId="5" fillId="2" borderId="9" xfId="5" applyFont="1" applyFill="1" applyBorder="1" applyAlignment="1">
      <alignment horizontal="right" vertical="center" wrapText="1"/>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43" fontId="4" fillId="0" borderId="3" xfId="5" applyFont="1" applyFill="1" applyBorder="1" applyAlignment="1">
      <alignment vertical="center"/>
    </xf>
    <xf numFmtId="0" fontId="15"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43" fontId="5" fillId="2" borderId="10" xfId="5" applyFont="1" applyFill="1" applyBorder="1" applyAlignment="1">
      <alignment horizontal="right"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37" fontId="5" fillId="0" borderId="0" xfId="0" applyNumberFormat="1" applyFont="1" applyFill="1" applyBorder="1" applyAlignment="1">
      <alignment horizontal="center" vertical="center"/>
    </xf>
    <xf numFmtId="37" fontId="5" fillId="0" borderId="7" xfId="0" applyNumberFormat="1" applyFont="1" applyFill="1" applyBorder="1" applyAlignment="1">
      <alignment horizontal="center" vertical="center"/>
    </xf>
    <xf numFmtId="0" fontId="17" fillId="0" borderId="3" xfId="0" applyFont="1" applyFill="1" applyBorder="1" applyAlignment="1">
      <alignment horizontal="left" vertical="center"/>
    </xf>
    <xf numFmtId="43" fontId="17" fillId="0" borderId="2" xfId="5" applyFont="1" applyFill="1" applyBorder="1" applyAlignment="1">
      <alignment vertical="center"/>
    </xf>
    <xf numFmtId="0" fontId="17" fillId="0" borderId="0" xfId="0" applyFont="1" applyFill="1" applyAlignment="1">
      <alignment vertical="center"/>
    </xf>
    <xf numFmtId="165" fontId="0" fillId="0" borderId="0" xfId="0" applyNumberFormat="1" applyAlignment="1">
      <alignment horizontal="center" wrapText="1"/>
    </xf>
    <xf numFmtId="43" fontId="5" fillId="0" borderId="2" xfId="0" applyNumberFormat="1" applyFont="1" applyFill="1" applyBorder="1" applyAlignment="1">
      <alignment vertical="center"/>
    </xf>
    <xf numFmtId="43" fontId="4" fillId="0" borderId="2" xfId="0" applyNumberFormat="1" applyFont="1" applyFill="1" applyBorder="1" applyAlignment="1">
      <alignment vertical="center"/>
    </xf>
    <xf numFmtId="43" fontId="4" fillId="0" borderId="8" xfId="0" applyNumberFormat="1" applyFont="1" applyFill="1" applyBorder="1" applyAlignment="1">
      <alignment vertical="center"/>
    </xf>
    <xf numFmtId="43" fontId="5" fillId="2" borderId="15" xfId="0" applyNumberFormat="1" applyFont="1" applyFill="1" applyBorder="1" applyAlignment="1">
      <alignment vertical="center"/>
    </xf>
    <xf numFmtId="43" fontId="5" fillId="0" borderId="8" xfId="0" applyNumberFormat="1" applyFont="1" applyFill="1" applyBorder="1" applyAlignment="1">
      <alignment horizontal="center" vertical="center"/>
    </xf>
    <xf numFmtId="43" fontId="5" fillId="2" borderId="10" xfId="0" applyNumberFormat="1" applyFont="1" applyFill="1" applyBorder="1" applyAlignment="1">
      <alignment vertical="center"/>
    </xf>
    <xf numFmtId="43" fontId="4" fillId="0" borderId="2" xfId="0" applyNumberFormat="1" applyFont="1" applyFill="1" applyBorder="1" applyAlignment="1">
      <alignment horizontal="center" vertical="center"/>
    </xf>
    <xf numFmtId="43" fontId="4" fillId="0" borderId="8" xfId="0" applyNumberFormat="1" applyFont="1" applyFill="1" applyBorder="1" applyAlignment="1">
      <alignment horizontal="center" vertical="center"/>
    </xf>
    <xf numFmtId="43" fontId="5" fillId="2" borderId="15" xfId="0" applyNumberFormat="1" applyFont="1" applyFill="1" applyBorder="1" applyAlignment="1">
      <alignment horizontal="center" vertical="center"/>
    </xf>
    <xf numFmtId="43" fontId="5" fillId="0" borderId="8" xfId="5" applyNumberFormat="1" applyFont="1" applyFill="1" applyBorder="1" applyAlignment="1">
      <alignment horizontal="right" vertical="center"/>
    </xf>
    <xf numFmtId="43" fontId="5" fillId="0" borderId="6" xfId="5" applyNumberFormat="1" applyFont="1" applyFill="1" applyBorder="1" applyAlignment="1">
      <alignment horizontal="left" vertical="center" wrapText="1"/>
    </xf>
    <xf numFmtId="43" fontId="5" fillId="0" borderId="3" xfId="5" applyNumberFormat="1" applyFont="1" applyFill="1" applyBorder="1" applyAlignment="1">
      <alignment horizontal="left" vertical="center" wrapText="1"/>
    </xf>
    <xf numFmtId="43" fontId="4" fillId="0" borderId="3" xfId="1" applyNumberFormat="1" applyFont="1" applyFill="1" applyBorder="1" applyAlignment="1">
      <alignment horizontal="left" vertical="center" wrapText="1"/>
    </xf>
    <xf numFmtId="43" fontId="5" fillId="0" borderId="3" xfId="5" applyNumberFormat="1" applyFont="1" applyFill="1" applyBorder="1" applyAlignment="1">
      <alignment horizontal="right" vertical="center" wrapText="1"/>
    </xf>
    <xf numFmtId="43" fontId="4" fillId="0" borderId="3" xfId="5" applyNumberFormat="1" applyFont="1" applyFill="1" applyBorder="1" applyAlignment="1">
      <alignment horizontal="right" vertical="center" wrapText="1"/>
    </xf>
    <xf numFmtId="43" fontId="4" fillId="0" borderId="12" xfId="1" applyNumberFormat="1" applyFont="1" applyFill="1" applyBorder="1" applyAlignment="1">
      <alignment horizontal="left" vertical="center" wrapText="1"/>
    </xf>
    <xf numFmtId="43" fontId="4" fillId="0" borderId="13" xfId="5" applyNumberFormat="1" applyFont="1" applyFill="1" applyBorder="1" applyAlignment="1">
      <alignment horizontal="right" vertical="center" wrapText="1"/>
    </xf>
    <xf numFmtId="43" fontId="4" fillId="0" borderId="12" xfId="5" applyNumberFormat="1" applyFont="1" applyFill="1" applyBorder="1" applyAlignment="1">
      <alignment horizontal="right" vertical="center" wrapText="1"/>
    </xf>
    <xf numFmtId="43" fontId="5" fillId="2" borderId="1" xfId="5" applyNumberFormat="1" applyFont="1" applyFill="1" applyBorder="1" applyAlignment="1">
      <alignment horizontal="right" vertical="center" wrapText="1"/>
    </xf>
    <xf numFmtId="43" fontId="5" fillId="2" borderId="1" xfId="1" applyNumberFormat="1" applyFont="1" applyFill="1" applyBorder="1" applyAlignment="1">
      <alignment horizontal="left" vertical="center" wrapText="1"/>
    </xf>
    <xf numFmtId="43" fontId="5" fillId="0" borderId="10" xfId="2" applyNumberFormat="1" applyFont="1" applyFill="1" applyBorder="1" applyAlignment="1">
      <alignment vertical="center"/>
    </xf>
    <xf numFmtId="43" fontId="5" fillId="2" borderId="5" xfId="5" applyNumberFormat="1" applyFont="1" applyFill="1" applyBorder="1" applyAlignment="1">
      <alignment horizontal="right" vertical="center"/>
    </xf>
    <xf numFmtId="43" fontId="5" fillId="0" borderId="2" xfId="5" applyNumberFormat="1" applyFont="1" applyFill="1" applyBorder="1" applyAlignment="1">
      <alignment horizontal="right" vertical="center"/>
    </xf>
    <xf numFmtId="43" fontId="5" fillId="2" borderId="10" xfId="5" applyNumberFormat="1" applyFont="1" applyFill="1" applyBorder="1" applyAlignment="1">
      <alignment vertical="center"/>
    </xf>
    <xf numFmtId="43" fontId="4" fillId="0" borderId="11" xfId="1" applyNumberFormat="1" applyFont="1" applyFill="1" applyBorder="1" applyAlignment="1">
      <alignment vertical="center"/>
    </xf>
    <xf numFmtId="43" fontId="17"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0" fontId="4" fillId="0" borderId="5" xfId="0" applyFont="1" applyFill="1" applyBorder="1" applyAlignment="1">
      <alignment horizontal="center" vertical="center"/>
    </xf>
    <xf numFmtId="43" fontId="5" fillId="0" borderId="5" xfId="1" applyNumberFormat="1" applyFont="1" applyFill="1" applyBorder="1" applyAlignment="1">
      <alignment horizontal="center" vertical="center" wrapText="1"/>
    </xf>
    <xf numFmtId="43" fontId="5" fillId="2" borderId="1" xfId="1" applyNumberFormat="1" applyFont="1" applyFill="1" applyBorder="1" applyAlignment="1">
      <alignment horizontal="center" vertical="center"/>
    </xf>
    <xf numFmtId="43" fontId="4" fillId="3" borderId="14" xfId="1" applyNumberFormat="1" applyFont="1" applyFill="1" applyBorder="1" applyAlignment="1">
      <alignment vertical="center"/>
    </xf>
    <xf numFmtId="43" fontId="4" fillId="3" borderId="6" xfId="1" applyNumberFormat="1" applyFont="1" applyFill="1" applyBorder="1" applyAlignment="1">
      <alignment vertical="center"/>
    </xf>
    <xf numFmtId="43" fontId="4" fillId="3" borderId="2" xfId="1" applyNumberFormat="1" applyFont="1" applyFill="1" applyBorder="1" applyAlignment="1">
      <alignment vertical="center"/>
    </xf>
    <xf numFmtId="43" fontId="4" fillId="3" borderId="3" xfId="1" applyNumberFormat="1" applyFont="1" applyFill="1" applyBorder="1" applyAlignment="1">
      <alignment vertical="center"/>
    </xf>
    <xf numFmtId="43" fontId="5" fillId="2" borderId="15" xfId="1" applyNumberFormat="1" applyFont="1" applyFill="1" applyBorder="1" applyAlignment="1">
      <alignment vertical="center" wrapText="1"/>
    </xf>
    <xf numFmtId="43" fontId="5" fillId="2" borderId="15" xfId="5" applyNumberFormat="1" applyFont="1" applyFill="1" applyBorder="1" applyAlignment="1">
      <alignment horizontal="left"/>
    </xf>
    <xf numFmtId="43" fontId="4" fillId="0" borderId="8" xfId="5" applyNumberFormat="1" applyFont="1" applyFill="1" applyBorder="1" applyAlignment="1">
      <alignment horizontal="left" vertical="center"/>
    </xf>
    <xf numFmtId="43" fontId="4" fillId="0" borderId="2" xfId="5" applyFont="1" applyFill="1" applyBorder="1" applyAlignment="1">
      <alignment horizontal="left" vertical="center"/>
    </xf>
    <xf numFmtId="43" fontId="5" fillId="2" borderId="15" xfId="5" applyFont="1" applyFill="1" applyBorder="1" applyAlignment="1">
      <alignment horizontal="left" vertical="center"/>
    </xf>
    <xf numFmtId="43" fontId="4" fillId="3" borderId="2" xfId="1" applyNumberFormat="1" applyFont="1" applyFill="1" applyBorder="1" applyAlignment="1">
      <alignment vertical="center" wrapText="1"/>
    </xf>
    <xf numFmtId="165" fontId="5" fillId="2" borderId="10" xfId="0" applyNumberFormat="1" applyFont="1" applyFill="1" applyBorder="1" applyAlignment="1">
      <alignment horizontal="right" vertical="center"/>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4" fontId="4" fillId="0" borderId="12" xfId="0" applyNumberFormat="1" applyFont="1" applyFill="1" applyBorder="1" applyAlignment="1">
      <alignment vertical="center"/>
    </xf>
    <xf numFmtId="165" fontId="4" fillId="0" borderId="14" xfId="0" applyNumberFormat="1" applyFont="1" applyFill="1" applyBorder="1" applyAlignment="1">
      <alignment vertical="center"/>
    </xf>
    <xf numFmtId="43" fontId="4" fillId="0" borderId="3" xfId="0" applyNumberFormat="1" applyFont="1" applyFill="1" applyBorder="1" applyAlignment="1">
      <alignment vertical="center"/>
    </xf>
    <xf numFmtId="43" fontId="5" fillId="0" borderId="8" xfId="5" applyFont="1" applyFill="1" applyBorder="1" applyAlignment="1">
      <alignment horizontal="right" vertical="center"/>
    </xf>
    <xf numFmtId="165" fontId="4" fillId="0" borderId="12" xfId="0" applyNumberFormat="1" applyFont="1" applyFill="1" applyBorder="1" applyAlignment="1">
      <alignment vertical="center"/>
    </xf>
    <xf numFmtId="43" fontId="5" fillId="0" borderId="9"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8" xfId="0" applyFont="1" applyFill="1" applyBorder="1" applyAlignment="1">
      <alignment horizontal="right" vertical="center" wrapText="1"/>
    </xf>
    <xf numFmtId="0" fontId="4" fillId="0" borderId="2" xfId="0" applyFont="1" applyFill="1" applyBorder="1" applyAlignment="1">
      <alignment horizontal="right" vertical="center" wrapText="1"/>
    </xf>
    <xf numFmtId="0" fontId="4" fillId="0" borderId="0" xfId="0" applyFont="1" applyFill="1" applyBorder="1" applyAlignment="1">
      <alignment vertical="center" wrapText="1"/>
    </xf>
    <xf numFmtId="0" fontId="5" fillId="2" borderId="10" xfId="0" applyFont="1" applyFill="1" applyBorder="1" applyAlignment="1">
      <alignment horizontal="right" vertical="center" wrapText="1"/>
    </xf>
    <xf numFmtId="0" fontId="5" fillId="2" borderId="13" xfId="0" applyFont="1" applyFill="1" applyBorder="1" applyAlignment="1">
      <alignment horizontal="righ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5" xfId="0" applyFont="1" applyFill="1" applyBorder="1" applyAlignment="1">
      <alignment horizontal="right" vertical="center" wrapText="1"/>
    </xf>
    <xf numFmtId="0" fontId="4" fillId="0" borderId="8" xfId="0" applyFont="1" applyFill="1" applyBorder="1" applyAlignment="1">
      <alignment vertical="center" wrapText="1"/>
    </xf>
    <xf numFmtId="0" fontId="5" fillId="2" borderId="10" xfId="0" applyFont="1" applyFill="1" applyBorder="1" applyAlignment="1">
      <alignment vertical="center" wrapText="1"/>
    </xf>
    <xf numFmtId="43" fontId="5" fillId="2" borderId="10" xfId="0" applyNumberFormat="1" applyFont="1" applyFill="1" applyBorder="1" applyAlignment="1">
      <alignment horizontal="right" vertical="center" wrapText="1"/>
    </xf>
    <xf numFmtId="43" fontId="5" fillId="0" borderId="8" xfId="5" applyFont="1" applyFill="1" applyBorder="1" applyAlignment="1">
      <alignment horizontal="right" vertical="center"/>
    </xf>
    <xf numFmtId="43" fontId="5" fillId="0" borderId="8" xfId="5" applyNumberFormat="1" applyFont="1" applyFill="1" applyBorder="1" applyAlignment="1">
      <alignment horizontal="right" vertical="center"/>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2"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7" fillId="0" borderId="0" xfId="0" applyFont="1" applyFill="1" applyBorder="1" applyAlignment="1">
      <alignment vertical="center"/>
    </xf>
    <xf numFmtId="43" fontId="5" fillId="0" borderId="8" xfId="5" applyNumberFormat="1" applyFont="1" applyFill="1" applyBorder="1" applyAlignment="1">
      <alignment horizontal="right" vertical="center"/>
    </xf>
    <xf numFmtId="43" fontId="4" fillId="0" borderId="3" xfId="5" applyFont="1" applyFill="1" applyBorder="1" applyAlignment="1">
      <alignment horizontal="right" vertical="center" wrapText="1"/>
    </xf>
    <xf numFmtId="43" fontId="5" fillId="2" borderId="10" xfId="5" applyNumberFormat="1" applyFont="1" applyFill="1" applyBorder="1" applyAlignment="1">
      <alignment horizontal="lef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43" fontId="5" fillId="0" borderId="3"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5" applyNumberFormat="1" applyFont="1" applyFill="1" applyBorder="1" applyAlignment="1">
      <alignment horizontal="right" vertical="center" wrapText="1"/>
    </xf>
    <xf numFmtId="43" fontId="5" fillId="2" borderId="12" xfId="5" applyNumberFormat="1" applyFont="1" applyFill="1" applyBorder="1" applyAlignment="1">
      <alignment horizontal="righ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43" fontId="5" fillId="0" borderId="14" xfId="5" applyNumberFormat="1" applyFont="1" applyFill="1" applyBorder="1" applyAlignment="1">
      <alignment horizontal="left" vertical="center" wrapText="1"/>
    </xf>
    <xf numFmtId="43" fontId="5" fillId="0" borderId="2" xfId="5" applyNumberFormat="1" applyFont="1" applyFill="1" applyBorder="1" applyAlignment="1">
      <alignment horizontal="left" vertical="center" wrapText="1"/>
    </xf>
    <xf numFmtId="43" fontId="5" fillId="0" borderId="13" xfId="5" applyNumberFormat="1" applyFont="1" applyFill="1" applyBorder="1" applyAlignment="1">
      <alignment horizontal="left" vertical="center" wrapText="1"/>
    </xf>
    <xf numFmtId="43" fontId="5" fillId="0" borderId="11" xfId="5" applyNumberFormat="1" applyFont="1" applyFill="1" applyBorder="1" applyAlignment="1">
      <alignment horizontal="left" vertical="center" wrapText="1"/>
    </xf>
    <xf numFmtId="43" fontId="5" fillId="0" borderId="8" xfId="5" applyNumberFormat="1" applyFont="1" applyFill="1" applyBorder="1" applyAlignment="1">
      <alignment horizontal="left" vertical="center" wrapText="1"/>
    </xf>
    <xf numFmtId="43" fontId="5" fillId="0" borderId="1" xfId="5" applyNumberFormat="1" applyFont="1" applyFill="1" applyBorder="1" applyAlignment="1">
      <alignment horizontal="left" vertical="center" wrapText="1"/>
    </xf>
    <xf numFmtId="43" fontId="5" fillId="0" borderId="14" xfId="5" applyNumberFormat="1" applyFont="1" applyFill="1" applyBorder="1" applyAlignment="1">
      <alignment horizontal="right" vertical="center"/>
    </xf>
    <xf numFmtId="43" fontId="4" fillId="0" borderId="2" xfId="5" applyFont="1" applyFill="1" applyBorder="1" applyAlignment="1">
      <alignment horizontal="right" vertical="center" wrapText="1"/>
    </xf>
    <xf numFmtId="43" fontId="5" fillId="0" borderId="13" xfId="5" applyFont="1" applyFill="1" applyBorder="1" applyAlignment="1">
      <alignment horizontal="right" vertical="center" wrapText="1"/>
    </xf>
    <xf numFmtId="43" fontId="5" fillId="0" borderId="0" xfId="5" applyNumberFormat="1" applyFont="1" applyFill="1" applyBorder="1" applyAlignment="1">
      <alignment horizontal="right" vertical="center"/>
    </xf>
    <xf numFmtId="43" fontId="5" fillId="0" borderId="13" xfId="5" applyNumberFormat="1" applyFont="1" applyFill="1" applyBorder="1" applyAlignment="1">
      <alignment horizontal="right" vertical="center"/>
    </xf>
    <xf numFmtId="0" fontId="4" fillId="0" borderId="0" xfId="1" applyNumberFormat="1" applyFont="1" applyFill="1" applyBorder="1" applyAlignment="1">
      <alignment horizontal="center" vertical="center" wrapText="1"/>
    </xf>
    <xf numFmtId="43" fontId="5" fillId="0" borderId="2" xfId="5" applyFont="1" applyFill="1" applyBorder="1" applyAlignment="1">
      <alignment horizontal="left" vertical="center"/>
    </xf>
    <xf numFmtId="43" fontId="5" fillId="0" borderId="8" xfId="5" applyNumberFormat="1" applyFont="1" applyFill="1" applyBorder="1" applyAlignment="1">
      <alignment horizontal="left" vertical="center"/>
    </xf>
    <xf numFmtId="43" fontId="4" fillId="0" borderId="8" xfId="5" applyFont="1" applyFill="1" applyBorder="1" applyAlignment="1">
      <alignment horizontal="right" vertical="center"/>
    </xf>
    <xf numFmtId="43" fontId="4" fillId="0" borderId="8"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4" fillId="0" borderId="0" xfId="1" applyNumberFormat="1" applyFont="1" applyFill="1" applyBorder="1" applyAlignment="1">
      <alignment horizontal="center"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8" xfId="5" applyNumberFormat="1" applyFont="1" applyFill="1" applyBorder="1" applyAlignment="1">
      <alignment horizontal="right" vertical="center"/>
    </xf>
    <xf numFmtId="0" fontId="18" fillId="0" borderId="3" xfId="0" applyFont="1" applyBorder="1" applyAlignment="1">
      <alignment horizontal="left" vertical="center"/>
    </xf>
    <xf numFmtId="0" fontId="19" fillId="0" borderId="0" xfId="0" applyNumberFormat="1" applyFont="1" applyFill="1" applyBorder="1" applyAlignment="1">
      <alignment vertical="center"/>
    </xf>
    <xf numFmtId="43" fontId="18" fillId="0" borderId="2" xfId="5" applyFont="1" applyFill="1" applyBorder="1" applyAlignment="1">
      <alignment vertical="center"/>
    </xf>
    <xf numFmtId="43" fontId="4" fillId="0" borderId="0" xfId="1" applyNumberFormat="1" applyFont="1" applyFill="1" applyAlignment="1">
      <alignment horizontal="right" vertical="center"/>
    </xf>
    <xf numFmtId="43" fontId="4" fillId="0" borderId="2" xfId="5" applyNumberFormat="1" applyFont="1" applyFill="1" applyBorder="1" applyAlignment="1">
      <alignment horizontal="left" vertical="center" wrapText="1"/>
    </xf>
    <xf numFmtId="43" fontId="4" fillId="0" borderId="2" xfId="5" applyNumberFormat="1" applyFont="1" applyFill="1" applyBorder="1" applyAlignment="1">
      <alignment horizontal="right" vertical="center"/>
    </xf>
    <xf numFmtId="43" fontId="4" fillId="0" borderId="0" xfId="0" applyNumberFormat="1" applyFont="1" applyFill="1" applyAlignment="1">
      <alignment horizontal="center" vertical="center"/>
    </xf>
    <xf numFmtId="43" fontId="4" fillId="0" borderId="8" xfId="5" applyFont="1" applyFill="1" applyBorder="1" applyAlignment="1">
      <alignment horizontal="right" vertical="center"/>
    </xf>
    <xf numFmtId="43" fontId="5" fillId="0" borderId="8" xfId="5" applyFont="1" applyFill="1" applyBorder="1" applyAlignment="1">
      <alignment horizontal="right" vertical="center"/>
    </xf>
    <xf numFmtId="0" fontId="4" fillId="0" borderId="0" xfId="0" applyFont="1" applyFill="1" applyBorder="1" applyAlignment="1">
      <alignment horizontal="center" vertical="center"/>
    </xf>
    <xf numFmtId="43" fontId="21" fillId="0" borderId="2" xfId="5" applyFont="1" applyFill="1" applyBorder="1" applyAlignment="1">
      <alignment horizontal="right" vertical="center"/>
    </xf>
    <xf numFmtId="43" fontId="20" fillId="0" borderId="8" xfId="5" applyFont="1" applyFill="1" applyBorder="1" applyAlignment="1">
      <alignment horizontal="right" vertical="center"/>
    </xf>
    <xf numFmtId="43" fontId="4" fillId="0" borderId="2" xfId="5" applyFont="1" applyFill="1" applyBorder="1" applyAlignment="1"/>
    <xf numFmtId="43" fontId="4" fillId="0" borderId="14"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0" xfId="1" applyNumberFormat="1" applyFont="1" applyAlignment="1">
      <alignment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43" fontId="4" fillId="3" borderId="6" xfId="1" applyNumberFormat="1" applyFont="1" applyFill="1" applyBorder="1" applyAlignment="1">
      <alignment vertical="center" wrapText="1"/>
    </xf>
    <xf numFmtId="43" fontId="4" fillId="3" borderId="3"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0" fontId="5" fillId="0" borderId="12" xfId="1" applyFont="1" applyBorder="1" applyAlignment="1">
      <alignment horizontal="left" vertical="center" wrapText="1"/>
    </xf>
    <xf numFmtId="43" fontId="5" fillId="0" borderId="0" xfId="1" applyNumberFormat="1" applyFont="1" applyFill="1" applyBorder="1" applyAlignment="1">
      <alignment horizontal="center" vertical="center"/>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5" fillId="3" borderId="2" xfId="1" applyNumberFormat="1" applyFont="1" applyFill="1" applyBorder="1" applyAlignment="1">
      <alignment horizontal="left" vertical="center"/>
    </xf>
    <xf numFmtId="43" fontId="5" fillId="3" borderId="3" xfId="1" applyNumberFormat="1" applyFont="1" applyFill="1" applyBorder="1" applyAlignment="1">
      <alignment horizontal="left" vertical="center"/>
    </xf>
    <xf numFmtId="43" fontId="5" fillId="0" borderId="1" xfId="1" applyNumberFormat="1" applyFont="1" applyBorder="1" applyAlignment="1">
      <alignment vertical="center"/>
    </xf>
    <xf numFmtId="43" fontId="4" fillId="0" borderId="0" xfId="5" applyFont="1" applyFill="1" applyBorder="1" applyAlignment="1">
      <alignment horizontal="center" vertical="center"/>
    </xf>
    <xf numFmtId="43" fontId="4" fillId="0" borderId="8"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0" fontId="4" fillId="0" borderId="0" xfId="0" applyFont="1" applyFill="1" applyBorder="1" applyAlignment="1">
      <alignment horizontal="center" vertical="center"/>
    </xf>
    <xf numFmtId="43" fontId="5" fillId="0" borderId="14" xfId="5" applyFont="1" applyFill="1" applyBorder="1" applyAlignment="1">
      <alignment horizontal="right" vertical="center" wrapText="1"/>
    </xf>
    <xf numFmtId="43" fontId="4" fillId="0" borderId="2" xfId="5" quotePrefix="1" applyFont="1" applyFill="1" applyBorder="1" applyAlignment="1">
      <alignment horizontal="right" vertical="center"/>
    </xf>
    <xf numFmtId="43" fontId="4" fillId="0" borderId="0" xfId="0" applyNumberFormat="1" applyFont="1" applyFill="1" applyBorder="1" applyAlignment="1">
      <alignment horizontal="center" vertical="center"/>
    </xf>
    <xf numFmtId="43" fontId="22" fillId="0" borderId="2" xfId="5" applyNumberFormat="1" applyFont="1" applyFill="1" applyBorder="1" applyAlignment="1">
      <alignment vertical="center"/>
    </xf>
    <xf numFmtId="43" fontId="22" fillId="0" borderId="2" xfId="5" applyFont="1" applyFill="1" applyBorder="1" applyAlignment="1">
      <alignment horizontal="right" vertical="center"/>
    </xf>
    <xf numFmtId="43" fontId="22" fillId="0" borderId="8" xfId="5" applyFont="1" applyFill="1" applyBorder="1" applyAlignment="1">
      <alignment horizontal="right" vertical="center"/>
    </xf>
    <xf numFmtId="43" fontId="4" fillId="0" borderId="0" xfId="0" applyNumberFormat="1" applyFont="1" applyFill="1" applyAlignment="1">
      <alignment vertical="center"/>
    </xf>
    <xf numFmtId="43" fontId="4" fillId="0" borderId="0" xfId="1" applyNumberFormat="1" applyFont="1" applyFill="1" applyBorder="1" applyAlignment="1">
      <alignment horizontal="center" vertical="center"/>
    </xf>
    <xf numFmtId="43" fontId="4" fillId="0" borderId="8" xfId="5" applyFont="1" applyFill="1" applyBorder="1" applyAlignment="1">
      <alignment horizontal="righ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5" fillId="0" borderId="10" xfId="5" applyFont="1" applyFill="1" applyBorder="1" applyAlignment="1">
      <alignment vertical="center"/>
    </xf>
    <xf numFmtId="43" fontId="5" fillId="0" borderId="5" xfId="5"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43" fontId="23" fillId="0" borderId="2" xfId="0" applyNumberFormat="1" applyFont="1" applyFill="1" applyBorder="1" applyAlignment="1">
      <alignment horizontal="right" vertical="center"/>
    </xf>
    <xf numFmtId="165" fontId="4" fillId="0" borderId="13" xfId="0" applyNumberFormat="1" applyFont="1" applyFill="1" applyBorder="1" applyAlignment="1">
      <alignment vertical="center"/>
    </xf>
    <xf numFmtId="165" fontId="5" fillId="2" borderId="10" xfId="5" applyNumberFormat="1" applyFont="1" applyFill="1" applyBorder="1" applyAlignment="1">
      <alignment horizontal="center" vertical="center"/>
    </xf>
    <xf numFmtId="43" fontId="4" fillId="0" borderId="8" xfId="5" applyFont="1" applyFill="1" applyBorder="1" applyAlignment="1">
      <alignment horizontal="center" vertical="center"/>
    </xf>
    <xf numFmtId="165" fontId="4" fillId="0" borderId="10" xfId="5" applyNumberFormat="1" applyFont="1" applyFill="1" applyBorder="1" applyAlignment="1">
      <alignment horizontal="center" vertical="center"/>
    </xf>
    <xf numFmtId="43" fontId="5" fillId="0" borderId="8" xfId="5" applyFont="1" applyFill="1" applyBorder="1" applyAlignment="1">
      <alignment horizontal="center" vertical="center"/>
    </xf>
    <xf numFmtId="43" fontId="5" fillId="2" borderId="10" xfId="5" applyFont="1" applyFill="1" applyBorder="1" applyAlignment="1">
      <alignment horizontal="center" vertical="center"/>
    </xf>
    <xf numFmtId="43" fontId="5" fillId="0" borderId="10" xfId="5" applyFont="1" applyFill="1" applyBorder="1" applyAlignment="1">
      <alignment horizontal="center" vertical="center"/>
    </xf>
    <xf numFmtId="43" fontId="4" fillId="0" borderId="1" xfId="5" applyFont="1" applyFill="1" applyBorder="1" applyAlignment="1">
      <alignment horizontal="center" vertical="center"/>
    </xf>
    <xf numFmtId="43" fontId="5" fillId="0" borderId="1" xfId="5"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43" fontId="5" fillId="2" borderId="1" xfId="5" applyFont="1" applyFill="1" applyBorder="1" applyAlignment="1">
      <alignment horizontal="center" vertical="center"/>
    </xf>
    <xf numFmtId="43" fontId="5" fillId="0" borderId="2" xfId="5" applyFont="1" applyFill="1" applyBorder="1" applyAlignment="1">
      <alignment horizontal="center" vertical="center"/>
    </xf>
    <xf numFmtId="43" fontId="4" fillId="0" borderId="0" xfId="5" applyFont="1" applyFill="1" applyBorder="1" applyAlignment="1">
      <alignment horizontal="center" vertical="center"/>
    </xf>
    <xf numFmtId="43" fontId="5" fillId="2" borderId="10" xfId="5" applyFont="1" applyFill="1" applyBorder="1" applyAlignment="1">
      <alignment horizontal="center" vertical="center"/>
    </xf>
    <xf numFmtId="49" fontId="5" fillId="0" borderId="0" xfId="0" applyNumberFormat="1" applyFont="1" applyFill="1" applyAlignment="1">
      <alignment horizontal="center" vertical="center"/>
    </xf>
    <xf numFmtId="43" fontId="5" fillId="2" borderId="11" xfId="5" applyFont="1" applyFill="1" applyBorder="1" applyAlignment="1">
      <alignment horizontal="center" vertical="center"/>
    </xf>
    <xf numFmtId="43" fontId="5" fillId="2" borderId="1" xfId="5" applyFont="1" applyFill="1" applyBorder="1" applyAlignment="1">
      <alignment horizontal="center" vertical="center"/>
    </xf>
    <xf numFmtId="0" fontId="4" fillId="0" borderId="4" xfId="0" applyFont="1" applyFill="1" applyBorder="1" applyAlignment="1">
      <alignment horizontal="left" vertical="center" wrapText="1"/>
    </xf>
    <xf numFmtId="43" fontId="4" fillId="0" borderId="0" xfId="5" applyFont="1" applyFill="1" applyBorder="1" applyAlignment="1">
      <alignment horizontal="right" vertical="center"/>
    </xf>
    <xf numFmtId="43" fontId="5" fillId="2" borderId="13" xfId="5" applyFont="1" applyFill="1" applyBorder="1" applyAlignment="1">
      <alignment horizontal="center" vertical="center"/>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2" xfId="5" applyNumberFormat="1" applyFont="1" applyFill="1" applyBorder="1" applyAlignment="1">
      <alignment horizontal="center" vertical="center" wrapText="1"/>
    </xf>
    <xf numFmtId="165" fontId="4" fillId="3"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0" fontId="4" fillId="0" borderId="0" xfId="0" applyNumberFormat="1" applyFont="1" applyFill="1" applyBorder="1" applyAlignment="1">
      <alignment horizontal="center" vertical="center"/>
    </xf>
    <xf numFmtId="0" fontId="4" fillId="0" borderId="3" xfId="0" applyFont="1" applyFill="1" applyBorder="1" applyAlignment="1">
      <alignment horizontal="left" vertical="center"/>
    </xf>
    <xf numFmtId="165" fontId="4" fillId="0" borderId="2" xfId="3" applyNumberFormat="1" applyFont="1" applyFill="1" applyBorder="1" applyAlignment="1">
      <alignment horizontal="center" vertical="center"/>
    </xf>
    <xf numFmtId="165" fontId="4" fillId="0" borderId="2" xfId="0" applyNumberFormat="1" applyFont="1" applyFill="1" applyBorder="1" applyAlignment="1">
      <alignment vertical="center"/>
    </xf>
    <xf numFmtId="43" fontId="5" fillId="0" borderId="4" xfId="5" applyFont="1" applyFill="1" applyBorder="1" applyAlignment="1">
      <alignment vertical="center"/>
    </xf>
    <xf numFmtId="0" fontId="24" fillId="3" borderId="4" xfId="1" applyFont="1" applyFill="1" applyBorder="1" applyAlignment="1">
      <alignment horizontal="left" vertical="center" wrapText="1"/>
    </xf>
    <xf numFmtId="165" fontId="4" fillId="0" borderId="2" xfId="5" applyNumberFormat="1" applyFont="1" applyFill="1" applyBorder="1" applyAlignment="1">
      <alignment horizontal="left" vertical="center"/>
    </xf>
    <xf numFmtId="165" fontId="4" fillId="0" borderId="2" xfId="5" applyNumberFormat="1" applyFont="1" applyFill="1" applyBorder="1" applyAlignment="1">
      <alignment horizontal="right" vertical="center"/>
    </xf>
    <xf numFmtId="0" fontId="4" fillId="0" borderId="3" xfId="1" applyFont="1" applyBorder="1" applyAlignment="1">
      <alignment horizontal="left" vertical="center" wrapText="1"/>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5" xfId="0"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43" fontId="5" fillId="0" borderId="5" xfId="5" applyFont="1" applyFill="1" applyBorder="1" applyAlignment="1">
      <alignment horizontal="center" vertical="center"/>
    </xf>
    <xf numFmtId="43" fontId="5" fillId="2" borderId="10" xfId="5" applyFont="1" applyFill="1" applyBorder="1" applyAlignment="1">
      <alignment horizontal="center" vertical="center"/>
    </xf>
    <xf numFmtId="43" fontId="5" fillId="2" borderId="5" xfId="5" applyFont="1" applyFill="1" applyBorder="1" applyAlignment="1">
      <alignment horizontal="center" vertical="center"/>
    </xf>
    <xf numFmtId="43" fontId="5" fillId="0" borderId="10" xfId="5" applyFont="1" applyFill="1" applyBorder="1" applyAlignment="1">
      <alignment horizontal="center" vertical="center"/>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3" fontId="4" fillId="0" borderId="8" xfId="5" applyFont="1" applyFill="1" applyBorder="1" applyAlignment="1">
      <alignment horizontal="right" vertical="center"/>
    </xf>
    <xf numFmtId="43" fontId="4" fillId="0" borderId="3" xfId="5" applyFont="1" applyFill="1" applyBorder="1" applyAlignment="1">
      <alignment horizontal="right" vertical="center"/>
    </xf>
    <xf numFmtId="43" fontId="5" fillId="0" borderId="6" xfId="5" applyFont="1" applyFill="1" applyBorder="1" applyAlignment="1">
      <alignment horizontal="center" vertical="center"/>
    </xf>
    <xf numFmtId="43" fontId="5" fillId="0" borderId="8"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3" xfId="5" applyFont="1" applyFill="1" applyBorder="1" applyAlignment="1">
      <alignment horizontal="center" vertical="center"/>
    </xf>
    <xf numFmtId="43" fontId="4" fillId="0" borderId="3" xfId="5"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3" fontId="4" fillId="0" borderId="11" xfId="5" applyFont="1" applyFill="1" applyBorder="1" applyAlignment="1">
      <alignment horizontal="center" vertical="center"/>
    </xf>
    <xf numFmtId="43" fontId="4" fillId="0" borderId="4" xfId="5" applyFont="1" applyFill="1" applyBorder="1" applyAlignment="1">
      <alignment horizontal="center" vertic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6"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43" fontId="5" fillId="2" borderId="12" xfId="5" applyFont="1" applyFill="1" applyBorder="1" applyAlignment="1">
      <alignment horizontal="center" vertical="center"/>
    </xf>
    <xf numFmtId="43" fontId="4" fillId="0" borderId="1" xfId="5" applyFont="1" applyBorder="1" applyAlignment="1">
      <alignment horizontal="center" vertical="center" wrapText="1"/>
    </xf>
    <xf numFmtId="43" fontId="4" fillId="0" borderId="7" xfId="5" applyFont="1" applyBorder="1" applyAlignment="1">
      <alignment horizontal="center" vertical="center" wrapText="1"/>
    </xf>
    <xf numFmtId="43" fontId="4" fillId="0" borderId="8" xfId="5" applyFont="1" applyBorder="1" applyAlignment="1">
      <alignment horizontal="center" vertical="center" wrapText="1"/>
    </xf>
    <xf numFmtId="43" fontId="4" fillId="0" borderId="3" xfId="5" applyFont="1" applyBorder="1" applyAlignment="1">
      <alignment horizontal="center" vertical="center" wrapText="1"/>
    </xf>
    <xf numFmtId="43" fontId="4" fillId="0" borderId="12" xfId="5" applyFont="1" applyBorder="1" applyAlignment="1">
      <alignment horizontal="center" vertical="center" wrapText="1"/>
    </xf>
    <xf numFmtId="43" fontId="4" fillId="0" borderId="12" xfId="5" applyFont="1" applyFill="1" applyBorder="1" applyAlignment="1">
      <alignment horizontal="center" vertical="center"/>
    </xf>
    <xf numFmtId="43" fontId="4" fillId="0" borderId="0" xfId="5"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43" fontId="5" fillId="0" borderId="11" xfId="5" applyFont="1" applyBorder="1" applyAlignment="1">
      <alignment horizontal="center" vertical="center" wrapText="1"/>
    </xf>
    <xf numFmtId="43" fontId="5" fillId="0" borderId="6" xfId="5" applyFont="1" applyBorder="1" applyAlignment="1">
      <alignment horizontal="center" vertical="center" wrapText="1"/>
    </xf>
    <xf numFmtId="43" fontId="5" fillId="0" borderId="4" xfId="5" applyFont="1" applyBorder="1" applyAlignment="1">
      <alignment horizontal="center" vertical="center" wrapText="1"/>
    </xf>
    <xf numFmtId="43" fontId="5" fillId="2" borderId="9" xfId="5" applyFont="1" applyFill="1" applyBorder="1" applyAlignment="1">
      <alignment horizontal="center" vertical="center"/>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0" fontId="5" fillId="2" borderId="11" xfId="0" applyFont="1" applyFill="1" applyBorder="1" applyAlignment="1">
      <alignment horizontal="center" vertical="center" wrapText="1"/>
    </xf>
    <xf numFmtId="43" fontId="4" fillId="0" borderId="11" xfId="5" applyFont="1" applyBorder="1" applyAlignment="1">
      <alignment horizontal="center" vertical="center" wrapText="1"/>
    </xf>
    <xf numFmtId="43" fontId="4" fillId="0" borderId="4" xfId="5" applyFont="1" applyBorder="1" applyAlignment="1">
      <alignment horizontal="center" vertical="center" wrapText="1"/>
    </xf>
    <xf numFmtId="43" fontId="4" fillId="0" borderId="6" xfId="5"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43" fontId="5" fillId="0" borderId="12" xfId="5"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7" xfId="0" applyFont="1" applyFill="1" applyBorder="1" applyAlignment="1">
      <alignment horizontal="center" vertical="center"/>
    </xf>
    <xf numFmtId="43" fontId="4" fillId="0" borderId="6" xfId="5"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0" fontId="5" fillId="2" borderId="4" xfId="0" applyNumberFormat="1" applyFont="1" applyFill="1" applyBorder="1" applyAlignment="1">
      <alignment horizontal="center" vertical="center"/>
    </xf>
    <xf numFmtId="43" fontId="5" fillId="0" borderId="11"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4" xfId="5" applyFont="1" applyFill="1" applyBorder="1" applyAlignment="1">
      <alignment horizontal="right" vertical="center"/>
    </xf>
    <xf numFmtId="43" fontId="4" fillId="0" borderId="0" xfId="5" applyFont="1" applyFill="1" applyBorder="1" applyAlignment="1">
      <alignment horizontal="right" vertical="center"/>
    </xf>
    <xf numFmtId="43" fontId="5" fillId="0" borderId="0" xfId="5" applyFont="1" applyFill="1" applyBorder="1" applyAlignment="1">
      <alignment horizontal="right"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4" fontId="5" fillId="0" borderId="10" xfId="0" applyNumberFormat="1" applyFont="1" applyFill="1" applyBorder="1" applyAlignment="1">
      <alignment horizontal="right" vertical="center"/>
    </xf>
    <xf numFmtId="0" fontId="5" fillId="0" borderId="5" xfId="0"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43" fontId="4" fillId="0" borderId="8" xfId="5" applyNumberFormat="1" applyFont="1" applyFill="1" applyBorder="1" applyAlignment="1">
      <alignment horizontal="right" vertical="center"/>
    </xf>
    <xf numFmtId="43" fontId="4" fillId="0" borderId="3" xfId="5" applyNumberFormat="1" applyFont="1" applyFill="1" applyBorder="1" applyAlignment="1">
      <alignment horizontal="right" vertical="center"/>
    </xf>
    <xf numFmtId="43"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43" fontId="5" fillId="0" borderId="11" xfId="5" applyNumberFormat="1" applyFont="1" applyFill="1" applyBorder="1" applyAlignment="1">
      <alignment horizontal="right" vertical="center"/>
    </xf>
    <xf numFmtId="43" fontId="5" fillId="0" borderId="6"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5" fillId="0" borderId="3" xfId="5" applyNumberFormat="1" applyFont="1" applyFill="1" applyBorder="1" applyAlignment="1">
      <alignment horizontal="right" vertical="center"/>
    </xf>
    <xf numFmtId="43" fontId="5" fillId="2" borderId="10" xfId="5" applyNumberFormat="1" applyFont="1" applyFill="1" applyBorder="1" applyAlignment="1">
      <alignment horizontal="right" vertical="center"/>
    </xf>
    <xf numFmtId="43" fontId="5" fillId="2" borderId="9" xfId="5" applyNumberFormat="1" applyFont="1" applyFill="1" applyBorder="1" applyAlignment="1">
      <alignment horizontal="righ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5" xfId="1" applyFont="1" applyFill="1" applyBorder="1" applyAlignment="1">
      <alignment horizontal="center"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43" fontId="5" fillId="0" borderId="1" xfId="1" applyNumberFormat="1" applyFont="1" applyFill="1" applyBorder="1" applyAlignment="1">
      <alignment horizontal="center" vertical="center"/>
    </xf>
    <xf numFmtId="0" fontId="5" fillId="0" borderId="12" xfId="1" applyFont="1" applyFill="1" applyBorder="1" applyAlignment="1">
      <alignment horizontal="center" vertical="center"/>
    </xf>
    <xf numFmtId="165" fontId="5" fillId="0" borderId="0" xfId="5" applyNumberFormat="1" applyFont="1" applyFill="1" applyAlignment="1">
      <alignment horizontal="right" vertical="center"/>
    </xf>
    <xf numFmtId="0" fontId="5" fillId="0" borderId="0" xfId="1" applyFont="1" applyBorder="1" applyAlignment="1">
      <alignment horizontal="left" vertical="center" wrapText="1"/>
    </xf>
    <xf numFmtId="43" fontId="5" fillId="0" borderId="8" xfId="5" applyFont="1" applyBorder="1" applyAlignment="1">
      <alignment horizontal="right" vertical="center" wrapText="1"/>
    </xf>
    <xf numFmtId="43" fontId="5" fillId="0" borderId="3" xfId="5" applyFont="1" applyBorder="1" applyAlignment="1">
      <alignment horizontal="right" vertical="center" wrapText="1"/>
    </xf>
    <xf numFmtId="43" fontId="4" fillId="0" borderId="8" xfId="5" applyFont="1" applyBorder="1" applyAlignment="1">
      <alignment horizontal="right" vertical="center" wrapText="1"/>
    </xf>
    <xf numFmtId="43" fontId="4" fillId="0" borderId="3" xfId="5" applyFont="1" applyBorder="1" applyAlignment="1">
      <alignment horizontal="right" vertical="center" wrapText="1"/>
    </xf>
    <xf numFmtId="165" fontId="5" fillId="0" borderId="11"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43" fontId="5" fillId="0" borderId="10" xfId="1" applyNumberFormat="1" applyFont="1" applyFill="1" applyBorder="1" applyAlignment="1">
      <alignment horizontal="center" vertical="center" wrapText="1"/>
    </xf>
    <xf numFmtId="0" fontId="5" fillId="0" borderId="9" xfId="1" applyFont="1" applyFill="1" applyBorder="1" applyAlignment="1">
      <alignment horizontal="center" vertical="center" wrapText="1"/>
    </xf>
    <xf numFmtId="0" fontId="5" fillId="2" borderId="6"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43" fontId="5" fillId="0" borderId="11" xfId="1" applyNumberFormat="1" applyFont="1" applyFill="1" applyBorder="1" applyAlignment="1">
      <alignment horizontal="center" vertical="center"/>
    </xf>
    <xf numFmtId="43" fontId="5" fillId="0" borderId="4"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43" fontId="4" fillId="0" borderId="8" xfId="1" applyNumberFormat="1" applyFont="1" applyFill="1" applyBorder="1" applyAlignment="1">
      <alignment horizontal="right" vertical="center"/>
    </xf>
    <xf numFmtId="43" fontId="4" fillId="0" borderId="0" xfId="1" applyNumberFormat="1" applyFont="1" applyFill="1" applyBorder="1" applyAlignment="1">
      <alignment horizontal="right" vertical="center"/>
    </xf>
    <xf numFmtId="165" fontId="4" fillId="0" borderId="1" xfId="1" applyNumberFormat="1" applyFont="1" applyFill="1" applyBorder="1" applyAlignment="1">
      <alignment horizontal="right" vertical="center"/>
    </xf>
    <xf numFmtId="165" fontId="4" fillId="0" borderId="7" xfId="1" applyNumberFormat="1" applyFont="1" applyFill="1" applyBorder="1" applyAlignment="1">
      <alignment horizontal="right" vertical="center"/>
    </xf>
    <xf numFmtId="43" fontId="5" fillId="0" borderId="11" xfId="1" applyNumberFormat="1" applyFont="1" applyFill="1" applyBorder="1" applyAlignment="1">
      <alignment horizontal="right" vertical="center"/>
    </xf>
    <xf numFmtId="43" fontId="5" fillId="0" borderId="4" xfId="1" applyNumberFormat="1" applyFont="1" applyFill="1" applyBorder="1" applyAlignment="1">
      <alignment horizontal="right" vertical="center"/>
    </xf>
    <xf numFmtId="43" fontId="5" fillId="0" borderId="1" xfId="1" applyNumberFormat="1" applyFont="1" applyFill="1" applyBorder="1" applyAlignment="1">
      <alignment horizontal="right" vertical="center"/>
    </xf>
    <xf numFmtId="43"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43" fontId="5" fillId="2" borderId="10" xfId="1" applyNumberFormat="1" applyFont="1" applyFill="1" applyBorder="1" applyAlignment="1">
      <alignment horizontal="right" vertical="center"/>
    </xf>
    <xf numFmtId="43" fontId="5" fillId="2" borderId="5" xfId="1" applyNumberFormat="1" applyFont="1" applyFill="1" applyBorder="1" applyAlignment="1">
      <alignment horizontal="right" vertical="center"/>
    </xf>
    <xf numFmtId="0" fontId="5" fillId="0" borderId="4" xfId="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43" fontId="5" fillId="0" borderId="10" xfId="1" applyNumberFormat="1" applyFont="1" applyFill="1" applyBorder="1" applyAlignment="1">
      <alignment horizontal="right" vertical="center"/>
    </xf>
    <xf numFmtId="43" fontId="5" fillId="0" borderId="9" xfId="1" applyNumberFormat="1" applyFont="1" applyFill="1" applyBorder="1" applyAlignment="1">
      <alignment horizontal="right" vertical="center"/>
    </xf>
    <xf numFmtId="43" fontId="4" fillId="0" borderId="8" xfId="5" applyFont="1" applyFill="1" applyBorder="1" applyAlignment="1">
      <alignment horizontal="right" vertical="center" wrapText="1"/>
    </xf>
    <xf numFmtId="43" fontId="4" fillId="0" borderId="3" xfId="5" applyFont="1" applyFill="1" applyBorder="1" applyAlignment="1">
      <alignment horizontal="right" vertical="center" wrapText="1"/>
    </xf>
    <xf numFmtId="165" fontId="5" fillId="2" borderId="10"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4" fillId="0" borderId="7" xfId="1" applyFont="1" applyFill="1" applyBorder="1" applyAlignment="1">
      <alignment horizontal="lef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165" fontId="5" fillId="2" borderId="5" xfId="5" applyNumberFormat="1" applyFont="1" applyFill="1" applyBorder="1" applyAlignment="1">
      <alignment horizontal="right" vertical="center" wrapText="1"/>
    </xf>
    <xf numFmtId="43" fontId="5" fillId="2" borderId="10" xfId="5" applyFont="1" applyFill="1" applyBorder="1" applyAlignment="1">
      <alignment horizontal="right" vertical="center" wrapText="1"/>
    </xf>
    <xf numFmtId="43" fontId="5" fillId="2" borderId="5" xfId="5" applyFont="1" applyFill="1" applyBorder="1" applyAlignment="1">
      <alignment horizontal="right" vertical="center" wrapText="1"/>
    </xf>
    <xf numFmtId="165" fontId="5" fillId="0" borderId="0" xfId="5" applyNumberFormat="1" applyFont="1" applyFill="1" applyAlignment="1">
      <alignment horizontal="center" vertical="center"/>
    </xf>
    <xf numFmtId="165" fontId="5" fillId="0" borderId="0" xfId="5" applyNumberFormat="1" applyFont="1" applyFill="1" applyBorder="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43" fontId="4" fillId="0" borderId="11" xfId="5" applyFont="1" applyFill="1" applyBorder="1" applyAlignment="1">
      <alignment horizontal="right" vertical="center"/>
    </xf>
    <xf numFmtId="43" fontId="4" fillId="0" borderId="4" xfId="5" applyFont="1" applyFill="1" applyBorder="1" applyAlignment="1">
      <alignment horizontal="right" vertical="center"/>
    </xf>
    <xf numFmtId="43" fontId="4" fillId="0" borderId="6" xfId="5"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12" xfId="5" applyFont="1" applyFill="1" applyBorder="1" applyAlignment="1">
      <alignment horizontal="right" vertical="center"/>
    </xf>
    <xf numFmtId="165" fontId="0" fillId="0" borderId="3" xfId="0" applyNumberFormat="1" applyBorder="1"/>
    <xf numFmtId="0" fontId="5" fillId="0" borderId="7" xfId="1" applyFont="1" applyBorder="1" applyAlignment="1">
      <alignment horizontal="left" vertical="center"/>
    </xf>
    <xf numFmtId="0" fontId="5" fillId="0" borderId="12" xfId="1" applyFont="1" applyBorder="1" applyAlignment="1">
      <alignment horizontal="left" vertical="center"/>
    </xf>
    <xf numFmtId="165" fontId="5" fillId="0" borderId="1" xfId="1" applyNumberFormat="1" applyFont="1" applyFill="1" applyBorder="1" applyAlignment="1">
      <alignment horizontal="center" vertical="center"/>
    </xf>
    <xf numFmtId="165" fontId="0" fillId="0" borderId="12" xfId="0" applyNumberFormat="1" applyBorder="1"/>
    <xf numFmtId="43" fontId="5" fillId="2" borderId="9" xfId="1" applyNumberFormat="1" applyFont="1" applyFill="1" applyBorder="1" applyAlignment="1">
      <alignment horizontal="center" vertical="center"/>
    </xf>
    <xf numFmtId="0" fontId="4" fillId="0" borderId="0" xfId="0" applyFont="1" applyFill="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1" fillId="0" borderId="0" xfId="1" applyFont="1" applyFill="1" applyAlignment="1">
      <alignment horizontal="left" vertical="center" wrapText="1"/>
    </xf>
    <xf numFmtId="0" fontId="11"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43" fontId="5" fillId="0" borderId="8" xfId="5" applyNumberFormat="1" applyFont="1" applyFill="1" applyBorder="1" applyAlignment="1">
      <alignment horizontal="center" vertical="center"/>
    </xf>
    <xf numFmtId="43" fontId="5" fillId="0" borderId="3" xfId="5"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43" fontId="5" fillId="0" borderId="11" xfId="5" applyFont="1" applyBorder="1" applyAlignment="1">
      <alignment horizontal="right" vertical="center" wrapText="1"/>
    </xf>
    <xf numFmtId="43" fontId="5" fillId="0" borderId="6" xfId="5" applyFont="1" applyBorder="1" applyAlignment="1">
      <alignment horizontal="right" vertical="center" wrapText="1"/>
    </xf>
    <xf numFmtId="43" fontId="5" fillId="2" borderId="15" xfId="1" applyNumberFormat="1" applyFont="1" applyFill="1" applyBorder="1" applyAlignment="1">
      <alignment horizontal="right"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43" fontId="4" fillId="0" borderId="1" xfId="1" applyNumberFormat="1" applyFont="1" applyFill="1" applyBorder="1" applyAlignment="1">
      <alignment horizontal="center" vertical="center"/>
    </xf>
    <xf numFmtId="43" fontId="4" fillId="0" borderId="7" xfId="1" applyNumberFormat="1" applyFont="1" applyFill="1" applyBorder="1" applyAlignment="1">
      <alignment horizontal="center" vertical="center"/>
    </xf>
    <xf numFmtId="0" fontId="5" fillId="0" borderId="0" xfId="1" applyNumberFormat="1" applyFont="1" applyAlignment="1">
      <alignment horizontal="center" vertical="center" wrapText="1"/>
    </xf>
    <xf numFmtId="0" fontId="5" fillId="0" borderId="3" xfId="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1" applyNumberFormat="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43" fontId="4" fillId="0" borderId="8" xfId="1" applyNumberFormat="1" applyFont="1" applyFill="1" applyBorder="1" applyAlignment="1">
      <alignment horizontal="center" vertical="center" wrapText="1"/>
    </xf>
    <xf numFmtId="43" fontId="4" fillId="0" borderId="3" xfId="1" applyNumberFormat="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4" fillId="0" borderId="1" xfId="1" applyFont="1" applyBorder="1" applyAlignment="1">
      <alignment horizontal="center" vertical="center"/>
    </xf>
    <xf numFmtId="0" fontId="4" fillId="0" borderId="7" xfId="1" applyFont="1" applyBorder="1" applyAlignment="1">
      <alignment horizontal="center" vertical="center"/>
    </xf>
    <xf numFmtId="43" fontId="4" fillId="0" borderId="8" xfId="1" applyNumberFormat="1" applyFont="1" applyBorder="1" applyAlignment="1">
      <alignment horizontal="center" vertical="center"/>
    </xf>
    <xf numFmtId="43" fontId="4" fillId="0" borderId="0" xfId="1" applyNumberFormat="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43" fontId="5" fillId="2" borderId="5" xfId="1"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43" fontId="5" fillId="2" borderId="10" xfId="0" applyNumberFormat="1" applyFont="1" applyFill="1" applyBorder="1" applyAlignment="1">
      <alignment horizontal="right" vertical="center"/>
    </xf>
    <xf numFmtId="43" fontId="5" fillId="2" borderId="5" xfId="0" applyNumberFormat="1" applyFont="1" applyFill="1" applyBorder="1" applyAlignment="1">
      <alignment horizontal="right" vertical="center"/>
    </xf>
    <xf numFmtId="0" fontId="5" fillId="2" borderId="5" xfId="1" applyFont="1" applyFill="1" applyBorder="1" applyAlignment="1">
      <alignment vertic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7" xfId="1" applyFont="1" applyFill="1" applyBorder="1" applyAlignment="1">
      <alignment horizontal="center" vertical="top"/>
    </xf>
    <xf numFmtId="43" fontId="5" fillId="0" borderId="7"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4" fillId="0" borderId="1" xfId="0" applyFont="1" applyFill="1" applyBorder="1" applyAlignment="1">
      <alignment horizontal="left" vertical="center"/>
    </xf>
    <xf numFmtId="0" fontId="4" fillId="0" borderId="7" xfId="0" applyFont="1" applyFill="1" applyBorder="1" applyAlignment="1">
      <alignment horizontal="left" vertical="center"/>
    </xf>
    <xf numFmtId="0" fontId="4" fillId="0" borderId="12" xfId="0" applyFont="1" applyFill="1" applyBorder="1" applyAlignment="1">
      <alignment horizontal="left" vertical="center"/>
    </xf>
    <xf numFmtId="164" fontId="4" fillId="0" borderId="1" xfId="0" applyNumberFormat="1" applyFont="1" applyFill="1" applyBorder="1" applyAlignment="1">
      <alignment horizontal="left" vertical="center"/>
    </xf>
    <xf numFmtId="164" fontId="4" fillId="0" borderId="7" xfId="0" applyNumberFormat="1" applyFont="1" applyFill="1" applyBorder="1" applyAlignment="1">
      <alignment horizontal="left" vertical="center"/>
    </xf>
    <xf numFmtId="0" fontId="5" fillId="0" borderId="1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164" fontId="5" fillId="0" borderId="11" xfId="0" applyNumberFormat="1" applyFont="1" applyFill="1" applyBorder="1" applyAlignment="1">
      <alignment horizontal="left" vertical="center"/>
    </xf>
    <xf numFmtId="164" fontId="5" fillId="0" borderId="4" xfId="0" applyNumberFormat="1" applyFont="1" applyFill="1" applyBorder="1" applyAlignment="1">
      <alignment horizontal="left" vertical="center"/>
    </xf>
    <xf numFmtId="0" fontId="4" fillId="0" borderId="8" xfId="0" applyFont="1" applyFill="1" applyBorder="1" applyAlignment="1">
      <alignment horizontal="left" vertical="center"/>
    </xf>
    <xf numFmtId="0" fontId="4" fillId="0" borderId="0" xfId="0" applyFont="1" applyFill="1" applyAlignment="1">
      <alignment horizontal="left" vertical="center"/>
    </xf>
    <xf numFmtId="0" fontId="4" fillId="0" borderId="3" xfId="0" applyFont="1" applyFill="1" applyBorder="1" applyAlignment="1">
      <alignment horizontal="left" vertical="center"/>
    </xf>
    <xf numFmtId="0" fontId="4" fillId="0" borderId="0" xfId="0" applyFont="1" applyFill="1" applyBorder="1" applyAlignment="1">
      <alignment horizontal="left" vertical="center"/>
    </xf>
    <xf numFmtId="164" fontId="4" fillId="0" borderId="8" xfId="0" applyNumberFormat="1" applyFont="1" applyFill="1" applyBorder="1" applyAlignment="1">
      <alignment horizontal="left" vertical="center"/>
    </xf>
    <xf numFmtId="164" fontId="4" fillId="0" borderId="0" xfId="0" applyNumberFormat="1" applyFont="1" applyFill="1" applyBorder="1" applyAlignment="1">
      <alignment horizontal="left" vertical="center"/>
    </xf>
    <xf numFmtId="0" fontId="4" fillId="0" borderId="11"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164" fontId="4" fillId="0" borderId="11" xfId="0" applyNumberFormat="1" applyFont="1" applyFill="1" applyBorder="1" applyAlignment="1">
      <alignment horizontal="left" vertical="center"/>
    </xf>
    <xf numFmtId="164" fontId="4" fillId="0" borderId="4" xfId="0" applyNumberFormat="1" applyFont="1" applyFill="1" applyBorder="1" applyAlignment="1">
      <alignment horizontal="left" vertical="center"/>
    </xf>
    <xf numFmtId="0" fontId="5" fillId="2" borderId="10" xfId="0" applyFont="1" applyFill="1" applyBorder="1" applyAlignment="1">
      <alignment horizontal="left" vertical="center"/>
    </xf>
    <xf numFmtId="0" fontId="5" fillId="2" borderId="5" xfId="0" applyFont="1" applyFill="1" applyBorder="1" applyAlignment="1">
      <alignment horizontal="left" vertical="center"/>
    </xf>
    <xf numFmtId="0" fontId="5" fillId="2" borderId="9" xfId="0" applyFont="1" applyFill="1" applyBorder="1" applyAlignment="1">
      <alignment horizontal="left" vertical="center"/>
    </xf>
    <xf numFmtId="164" fontId="5" fillId="2" borderId="10" xfId="0" applyNumberFormat="1" applyFont="1" applyFill="1" applyBorder="1" applyAlignment="1">
      <alignment horizontal="left" vertical="center"/>
    </xf>
    <xf numFmtId="164" fontId="5" fillId="2" borderId="5" xfId="0" applyNumberFormat="1" applyFont="1" applyFill="1" applyBorder="1" applyAlignment="1">
      <alignment horizontal="left" vertical="center"/>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7" xfId="0" applyFont="1" applyFill="1" applyBorder="1" applyAlignment="1">
      <alignment horizontal="center" vertical="center"/>
    </xf>
    <xf numFmtId="43" fontId="5" fillId="0" borderId="8" xfId="0" applyNumberFormat="1" applyFont="1" applyFill="1" applyBorder="1" applyAlignment="1">
      <alignment horizontal="center" vertical="center"/>
    </xf>
    <xf numFmtId="0" fontId="5" fillId="0" borderId="0" xfId="0" applyFont="1" applyFill="1" applyBorder="1" applyAlignment="1">
      <alignment horizontal="center" vertical="center"/>
    </xf>
    <xf numFmtId="43" fontId="4" fillId="0" borderId="11" xfId="0" applyNumberFormat="1" applyFont="1" applyFill="1" applyBorder="1" applyAlignment="1">
      <alignment horizontal="center" vertical="center" wrapText="1"/>
    </xf>
    <xf numFmtId="0" fontId="4" fillId="0" borderId="4" xfId="0" applyFont="1" applyFill="1" applyBorder="1" applyAlignment="1">
      <alignment horizontal="center" vertical="center" wrapText="1"/>
    </xf>
    <xf numFmtId="43" fontId="4" fillId="0" borderId="8"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43" fontId="4" fillId="0" borderId="11" xfId="0" applyNumberFormat="1" applyFont="1" applyFill="1" applyBorder="1" applyAlignment="1">
      <alignment horizontal="center" vertical="center"/>
    </xf>
    <xf numFmtId="43" fontId="4" fillId="0" borderId="4"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0" fontId="5" fillId="0" borderId="8" xfId="0"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711203</xdr:colOff>
      <xdr:row>93</xdr:row>
      <xdr:rowOff>0</xdr:rowOff>
    </xdr:from>
    <xdr:to>
      <xdr:col>6</xdr:col>
      <xdr:colOff>698502</xdr:colOff>
      <xdr:row>93</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331449</xdr:colOff>
      <xdr:row>98</xdr:row>
      <xdr:rowOff>0</xdr:rowOff>
    </xdr:from>
    <xdr:to>
      <xdr:col>0</xdr:col>
      <xdr:colOff>2581275</xdr:colOff>
      <xdr:row>102</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8</xdr:row>
      <xdr:rowOff>0</xdr:rowOff>
    </xdr:from>
    <xdr:to>
      <xdr:col>3</xdr:col>
      <xdr:colOff>304800</xdr:colOff>
      <xdr:row>102</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8</xdr:row>
      <xdr:rowOff>0</xdr:rowOff>
    </xdr:from>
    <xdr:to>
      <xdr:col>6</xdr:col>
      <xdr:colOff>1095375</xdr:colOff>
      <xdr:row>102</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0</xdr:row>
      <xdr:rowOff>0</xdr:rowOff>
    </xdr:from>
    <xdr:to>
      <xdr:col>0</xdr:col>
      <xdr:colOff>2924175</xdr:colOff>
      <xdr:row>134</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0</xdr:row>
      <xdr:rowOff>0</xdr:rowOff>
    </xdr:from>
    <xdr:to>
      <xdr:col>3</xdr:col>
      <xdr:colOff>495300</xdr:colOff>
      <xdr:row>134</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0</xdr:row>
      <xdr:rowOff>0</xdr:rowOff>
    </xdr:from>
    <xdr:to>
      <xdr:col>7</xdr:col>
      <xdr:colOff>495300</xdr:colOff>
      <xdr:row>134</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84</xdr:row>
      <xdr:rowOff>0</xdr:rowOff>
    </xdr:from>
    <xdr:to>
      <xdr:col>1</xdr:col>
      <xdr:colOff>674759</xdr:colOff>
      <xdr:row>188</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84</xdr:row>
      <xdr:rowOff>0</xdr:rowOff>
    </xdr:from>
    <xdr:to>
      <xdr:col>6</xdr:col>
      <xdr:colOff>152400</xdr:colOff>
      <xdr:row>188</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84</xdr:row>
      <xdr:rowOff>0</xdr:rowOff>
    </xdr:from>
    <xdr:to>
      <xdr:col>11</xdr:col>
      <xdr:colOff>541421</xdr:colOff>
      <xdr:row>188</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8</xdr:row>
      <xdr:rowOff>0</xdr:rowOff>
    </xdr:from>
    <xdr:to>
      <xdr:col>1</xdr:col>
      <xdr:colOff>674759</xdr:colOff>
      <xdr:row>11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8</xdr:row>
      <xdr:rowOff>0</xdr:rowOff>
    </xdr:from>
    <xdr:to>
      <xdr:col>6</xdr:col>
      <xdr:colOff>152400</xdr:colOff>
      <xdr:row>11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8</xdr:row>
      <xdr:rowOff>0</xdr:rowOff>
    </xdr:from>
    <xdr:to>
      <xdr:col>11</xdr:col>
      <xdr:colOff>541421</xdr:colOff>
      <xdr:row>112</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4</xdr:row>
      <xdr:rowOff>0</xdr:rowOff>
    </xdr:from>
    <xdr:to>
      <xdr:col>2</xdr:col>
      <xdr:colOff>729565</xdr:colOff>
      <xdr:row>58</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4</xdr:row>
      <xdr:rowOff>0</xdr:rowOff>
    </xdr:from>
    <xdr:to>
      <xdr:col>6</xdr:col>
      <xdr:colOff>970046</xdr:colOff>
      <xdr:row>58</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pageSetUpPr fitToPage="1"/>
  </sheetPr>
  <dimension ref="A1:N127"/>
  <sheetViews>
    <sheetView showGridLines="0" tabSelected="1" zoomScaleNormal="100" workbookViewId="0"/>
  </sheetViews>
  <sheetFormatPr defaultRowHeight="11.25" customHeight="1" x14ac:dyDescent="0.2"/>
  <cols>
    <col min="1" max="1" width="57.42578125" style="52" customWidth="1"/>
    <col min="2" max="2" width="20.42578125" style="52" bestFit="1" customWidth="1"/>
    <col min="3" max="3" width="22.28515625" style="52" customWidth="1"/>
    <col min="4" max="4" width="19.28515625" style="52" bestFit="1" customWidth="1"/>
    <col min="5" max="5" width="20.28515625" style="52" bestFit="1" customWidth="1"/>
    <col min="6" max="6" width="20" style="52" customWidth="1"/>
    <col min="7" max="7" width="20.5703125" style="52" customWidth="1"/>
    <col min="8" max="8" width="20.140625" style="52" bestFit="1" customWidth="1"/>
    <col min="9" max="9" width="21.28515625" style="52" customWidth="1"/>
    <col min="10" max="10" width="20.85546875" style="52" customWidth="1"/>
    <col min="11" max="11" width="11.7109375" style="52" customWidth="1"/>
    <col min="12" max="12" width="20.140625" style="52" customWidth="1"/>
    <col min="13" max="13" width="13.85546875" style="52" customWidth="1"/>
    <col min="14" max="14" width="18.5703125" style="52" customWidth="1"/>
    <col min="15" max="15" width="6.5703125" style="52" customWidth="1"/>
    <col min="16" max="17" width="15.42578125" style="52" customWidth="1"/>
    <col min="18" max="18" width="22" style="52" customWidth="1"/>
    <col min="19" max="19" width="13.42578125" style="52" customWidth="1"/>
    <col min="20" max="16384" width="9.140625" style="52"/>
  </cols>
  <sheetData>
    <row r="1" spans="1:14" s="29" customFormat="1" ht="10.5" x14ac:dyDescent="0.2">
      <c r="A1" s="565"/>
      <c r="B1" s="328"/>
      <c r="C1" s="328"/>
      <c r="D1" s="328"/>
      <c r="E1" s="328"/>
      <c r="F1" s="328"/>
      <c r="G1" s="328"/>
      <c r="H1" s="328"/>
      <c r="I1" s="328"/>
      <c r="J1" s="328"/>
      <c r="K1" s="328"/>
      <c r="L1" s="328"/>
    </row>
    <row r="2" spans="1:14" s="29" customFormat="1" ht="11.25" customHeight="1" x14ac:dyDescent="0.2">
      <c r="A2" s="328"/>
      <c r="B2" s="328"/>
      <c r="C2" s="328"/>
      <c r="D2" s="328"/>
      <c r="E2" s="328"/>
      <c r="F2" s="328"/>
      <c r="G2" s="328"/>
      <c r="H2" s="328"/>
      <c r="I2" s="328"/>
      <c r="J2" s="328"/>
      <c r="K2" s="328"/>
      <c r="L2" s="328"/>
    </row>
    <row r="3" spans="1:14" ht="11.25" customHeight="1" x14ac:dyDescent="0.2">
      <c r="A3" s="762" t="s">
        <v>641</v>
      </c>
      <c r="B3" s="762"/>
      <c r="C3" s="762"/>
      <c r="D3" s="762"/>
      <c r="E3" s="762"/>
      <c r="F3" s="762"/>
      <c r="G3" s="762"/>
      <c r="H3" s="762"/>
      <c r="I3" s="762"/>
      <c r="J3" s="762"/>
      <c r="K3" s="762"/>
      <c r="L3" s="762"/>
    </row>
    <row r="4" spans="1:14" ht="11.25" customHeight="1" x14ac:dyDescent="0.2">
      <c r="A4" s="762" t="s">
        <v>105</v>
      </c>
      <c r="B4" s="762"/>
      <c r="C4" s="762"/>
      <c r="D4" s="762"/>
      <c r="E4" s="762"/>
      <c r="F4" s="762"/>
      <c r="G4" s="762"/>
      <c r="H4" s="762"/>
      <c r="I4" s="762"/>
      <c r="J4" s="762"/>
      <c r="K4" s="762"/>
      <c r="L4" s="762"/>
    </row>
    <row r="5" spans="1:14" ht="11.25" customHeight="1" x14ac:dyDescent="0.2">
      <c r="A5" s="762" t="s">
        <v>106</v>
      </c>
      <c r="B5" s="762"/>
      <c r="C5" s="762"/>
      <c r="D5" s="762"/>
      <c r="E5" s="762"/>
      <c r="F5" s="762"/>
      <c r="G5" s="762"/>
      <c r="H5" s="762"/>
      <c r="I5" s="762"/>
      <c r="J5" s="762"/>
      <c r="K5" s="762"/>
      <c r="L5" s="762"/>
    </row>
    <row r="6" spans="1:14" ht="11.25" customHeight="1" x14ac:dyDescent="0.2">
      <c r="A6" s="762" t="s">
        <v>107</v>
      </c>
      <c r="B6" s="762"/>
      <c r="C6" s="762"/>
      <c r="D6" s="762"/>
      <c r="E6" s="762"/>
      <c r="F6" s="762"/>
      <c r="G6" s="762"/>
      <c r="H6" s="762"/>
      <c r="I6" s="762"/>
      <c r="J6" s="762"/>
      <c r="K6" s="762"/>
      <c r="L6" s="762"/>
    </row>
    <row r="7" spans="1:14" ht="11.25" customHeight="1" x14ac:dyDescent="0.2">
      <c r="A7" s="762" t="s">
        <v>874</v>
      </c>
      <c r="B7" s="762"/>
      <c r="C7" s="762"/>
      <c r="D7" s="762"/>
      <c r="E7" s="762"/>
      <c r="F7" s="762"/>
      <c r="G7" s="762"/>
      <c r="H7" s="762"/>
      <c r="I7" s="762"/>
      <c r="J7" s="762"/>
      <c r="K7" s="762"/>
      <c r="L7" s="762"/>
    </row>
    <row r="8" spans="1:14" s="29" customFormat="1" ht="11.25" customHeight="1" x14ac:dyDescent="0.2">
      <c r="A8" s="53"/>
      <c r="B8" s="53"/>
      <c r="C8" s="53"/>
      <c r="D8" s="414"/>
      <c r="E8" s="414"/>
      <c r="F8" s="53"/>
      <c r="G8" s="53"/>
      <c r="H8" s="53"/>
      <c r="I8" s="53"/>
      <c r="J8" s="53"/>
      <c r="K8" s="53"/>
    </row>
    <row r="9" spans="1:14" s="29" customFormat="1" ht="11.25" customHeight="1" x14ac:dyDescent="0.2">
      <c r="A9" s="29" t="s">
        <v>359</v>
      </c>
      <c r="B9" s="128"/>
      <c r="D9" s="342"/>
      <c r="E9" s="342"/>
      <c r="H9" s="148"/>
      <c r="I9" s="53"/>
      <c r="J9" s="148"/>
      <c r="L9" s="251">
        <v>1</v>
      </c>
    </row>
    <row r="10" spans="1:14" ht="15" customHeight="1" x14ac:dyDescent="0.2">
      <c r="A10" s="54"/>
      <c r="B10" s="767" t="s">
        <v>429</v>
      </c>
      <c r="C10" s="775"/>
      <c r="D10" s="767" t="s">
        <v>235</v>
      </c>
      <c r="E10" s="768"/>
      <c r="F10" s="771" t="s">
        <v>109</v>
      </c>
      <c r="G10" s="772"/>
      <c r="H10" s="772"/>
      <c r="I10" s="772"/>
      <c r="J10" s="772"/>
      <c r="K10" s="773"/>
      <c r="L10" s="765" t="s">
        <v>161</v>
      </c>
    </row>
    <row r="11" spans="1:14" ht="15" customHeight="1" x14ac:dyDescent="0.2">
      <c r="A11" s="620" t="s">
        <v>867</v>
      </c>
      <c r="B11" s="776"/>
      <c r="C11" s="777"/>
      <c r="D11" s="769"/>
      <c r="E11" s="770"/>
      <c r="F11" s="765" t="s">
        <v>113</v>
      </c>
      <c r="G11" s="766"/>
      <c r="H11" s="55" t="s">
        <v>114</v>
      </c>
      <c r="I11" s="765" t="s">
        <v>115</v>
      </c>
      <c r="J11" s="766"/>
      <c r="K11" s="56" t="s">
        <v>114</v>
      </c>
      <c r="L11" s="774"/>
    </row>
    <row r="12" spans="1:14" ht="15" customHeight="1" x14ac:dyDescent="0.2">
      <c r="A12" s="57"/>
      <c r="B12" s="778"/>
      <c r="C12" s="779"/>
      <c r="D12" s="763" t="s">
        <v>116</v>
      </c>
      <c r="E12" s="764"/>
      <c r="F12" s="763" t="s">
        <v>117</v>
      </c>
      <c r="G12" s="764"/>
      <c r="H12" s="549" t="s">
        <v>118</v>
      </c>
      <c r="I12" s="763" t="s">
        <v>152</v>
      </c>
      <c r="J12" s="764"/>
      <c r="K12" s="550" t="s">
        <v>153</v>
      </c>
      <c r="L12" s="550" t="s">
        <v>154</v>
      </c>
    </row>
    <row r="13" spans="1:14" ht="10.5" x14ac:dyDescent="0.2">
      <c r="A13" s="164" t="s">
        <v>360</v>
      </c>
      <c r="B13" s="741">
        <v>11877346000</v>
      </c>
      <c r="C13" s="782"/>
      <c r="D13" s="741">
        <v>11879520359.220001</v>
      </c>
      <c r="E13" s="782"/>
      <c r="F13" s="783">
        <v>1842153750</v>
      </c>
      <c r="G13" s="784"/>
      <c r="H13" s="344">
        <v>15.506970772353254</v>
      </c>
      <c r="I13" s="783">
        <v>5469804913</v>
      </c>
      <c r="J13" s="784"/>
      <c r="K13" s="344">
        <v>46.04398786820331</v>
      </c>
      <c r="L13" s="354">
        <v>6409715446.2199993</v>
      </c>
    </row>
    <row r="14" spans="1:14" ht="10.5" x14ac:dyDescent="0.2">
      <c r="A14" s="165" t="s">
        <v>8</v>
      </c>
      <c r="B14" s="747">
        <v>11167327900</v>
      </c>
      <c r="C14" s="785"/>
      <c r="D14" s="747">
        <v>11167903410.200001</v>
      </c>
      <c r="E14" s="785"/>
      <c r="F14" s="783">
        <v>1754459807.5999999</v>
      </c>
      <c r="G14" s="784"/>
      <c r="H14" s="344">
        <v>15.709840452215913</v>
      </c>
      <c r="I14" s="783">
        <v>5207119772.0500002</v>
      </c>
      <c r="J14" s="784"/>
      <c r="K14" s="344">
        <v>46.62575938196396</v>
      </c>
      <c r="L14" s="354">
        <v>5960783638.1499996</v>
      </c>
    </row>
    <row r="15" spans="1:14" ht="10.5" x14ac:dyDescent="0.2">
      <c r="A15" s="165" t="s">
        <v>9</v>
      </c>
      <c r="B15" s="780">
        <v>7047013200</v>
      </c>
      <c r="C15" s="781"/>
      <c r="D15" s="780">
        <v>7047013200</v>
      </c>
      <c r="E15" s="781"/>
      <c r="F15" s="780">
        <v>1156378844.4399998</v>
      </c>
      <c r="G15" s="781"/>
      <c r="H15" s="337">
        <v>16.40948883762556</v>
      </c>
      <c r="I15" s="780">
        <v>3549533596.3499999</v>
      </c>
      <c r="J15" s="781"/>
      <c r="K15" s="337">
        <v>50.369333724960242</v>
      </c>
      <c r="L15" s="338">
        <v>3497479603.6500001</v>
      </c>
      <c r="M15" s="31"/>
      <c r="N15" s="65"/>
    </row>
    <row r="16" spans="1:14" ht="10.5" x14ac:dyDescent="0.2">
      <c r="A16" s="32" t="s">
        <v>10</v>
      </c>
      <c r="B16" s="780">
        <v>6687744000</v>
      </c>
      <c r="C16" s="781"/>
      <c r="D16" s="780">
        <v>6687744000</v>
      </c>
      <c r="E16" s="781"/>
      <c r="F16" s="780">
        <v>1119257561.0999999</v>
      </c>
      <c r="G16" s="781"/>
      <c r="H16" s="337">
        <v>16.735951033711814</v>
      </c>
      <c r="I16" s="780">
        <v>3463940227.2599998</v>
      </c>
      <c r="J16" s="781"/>
      <c r="K16" s="337">
        <v>51.79534723906896</v>
      </c>
      <c r="L16" s="338">
        <v>3223803772.7400002</v>
      </c>
    </row>
    <row r="17" spans="1:14" ht="10.5" x14ac:dyDescent="0.2">
      <c r="A17" s="32" t="s">
        <v>11</v>
      </c>
      <c r="B17" s="780">
        <v>359269200</v>
      </c>
      <c r="C17" s="781"/>
      <c r="D17" s="780">
        <v>359269200</v>
      </c>
      <c r="E17" s="781"/>
      <c r="F17" s="780">
        <v>37121283.340000004</v>
      </c>
      <c r="G17" s="781"/>
      <c r="H17" s="337">
        <v>10.332442452623271</v>
      </c>
      <c r="I17" s="780">
        <v>85593369.090000004</v>
      </c>
      <c r="J17" s="781"/>
      <c r="K17" s="337">
        <v>23.824299185680264</v>
      </c>
      <c r="L17" s="338">
        <v>273675830.90999997</v>
      </c>
    </row>
    <row r="18" spans="1:14" ht="10.5" x14ac:dyDescent="0.2">
      <c r="A18" s="32" t="s">
        <v>12</v>
      </c>
      <c r="B18" s="780">
        <v>0</v>
      </c>
      <c r="C18" s="781"/>
      <c r="D18" s="780">
        <v>0</v>
      </c>
      <c r="E18" s="781"/>
      <c r="F18" s="780">
        <v>0</v>
      </c>
      <c r="G18" s="781"/>
      <c r="H18" s="337">
        <v>0</v>
      </c>
      <c r="I18" s="780">
        <v>0</v>
      </c>
      <c r="J18" s="781"/>
      <c r="K18" s="337">
        <v>0</v>
      </c>
      <c r="L18" s="338">
        <v>0</v>
      </c>
    </row>
    <row r="19" spans="1:14" ht="10.5" x14ac:dyDescent="0.2">
      <c r="A19" s="165" t="s">
        <v>13</v>
      </c>
      <c r="B19" s="780">
        <v>388750900</v>
      </c>
      <c r="C19" s="781"/>
      <c r="D19" s="780">
        <v>388750900</v>
      </c>
      <c r="E19" s="781"/>
      <c r="F19" s="780">
        <v>65575434.68</v>
      </c>
      <c r="G19" s="781"/>
      <c r="H19" s="337">
        <v>16.868239965489469</v>
      </c>
      <c r="I19" s="780">
        <v>125861621.89</v>
      </c>
      <c r="J19" s="781"/>
      <c r="K19" s="337">
        <v>32.375904953531943</v>
      </c>
      <c r="L19" s="338">
        <v>262889278.11000001</v>
      </c>
      <c r="M19" s="65"/>
      <c r="N19" s="65"/>
    </row>
    <row r="20" spans="1:14" ht="10.5" x14ac:dyDescent="0.2">
      <c r="A20" s="32" t="s">
        <v>14</v>
      </c>
      <c r="B20" s="780">
        <v>388750900</v>
      </c>
      <c r="C20" s="781"/>
      <c r="D20" s="780">
        <v>388750900</v>
      </c>
      <c r="E20" s="781"/>
      <c r="F20" s="780">
        <v>65575434.68</v>
      </c>
      <c r="G20" s="781"/>
      <c r="H20" s="337">
        <v>16.868239965489469</v>
      </c>
      <c r="I20" s="780">
        <v>125861621.89</v>
      </c>
      <c r="J20" s="781"/>
      <c r="K20" s="337">
        <v>32.375904953531943</v>
      </c>
      <c r="L20" s="338">
        <v>262889278.11000001</v>
      </c>
    </row>
    <row r="21" spans="1:14" ht="10.5" x14ac:dyDescent="0.2">
      <c r="A21" s="32" t="s">
        <v>357</v>
      </c>
      <c r="B21" s="780">
        <v>0</v>
      </c>
      <c r="C21" s="781"/>
      <c r="D21" s="780">
        <v>0</v>
      </c>
      <c r="E21" s="781"/>
      <c r="F21" s="780">
        <v>0</v>
      </c>
      <c r="G21" s="781"/>
      <c r="H21" s="337">
        <v>0</v>
      </c>
      <c r="I21" s="780">
        <v>0</v>
      </c>
      <c r="J21" s="781"/>
      <c r="K21" s="337">
        <v>0</v>
      </c>
      <c r="L21" s="338">
        <v>0</v>
      </c>
    </row>
    <row r="22" spans="1:14" ht="10.5" x14ac:dyDescent="0.2">
      <c r="A22" s="32" t="s">
        <v>358</v>
      </c>
      <c r="B22" s="780">
        <v>0</v>
      </c>
      <c r="C22" s="781"/>
      <c r="D22" s="780">
        <v>0</v>
      </c>
      <c r="E22" s="781"/>
      <c r="F22" s="780">
        <v>0</v>
      </c>
      <c r="G22" s="781"/>
      <c r="H22" s="337">
        <v>0</v>
      </c>
      <c r="I22" s="780">
        <v>0</v>
      </c>
      <c r="J22" s="781"/>
      <c r="K22" s="337">
        <v>0</v>
      </c>
      <c r="L22" s="338">
        <v>0</v>
      </c>
    </row>
    <row r="23" spans="1:14" ht="10.5" x14ac:dyDescent="0.2">
      <c r="A23" s="165" t="s">
        <v>15</v>
      </c>
      <c r="B23" s="780">
        <v>135829800</v>
      </c>
      <c r="C23" s="781"/>
      <c r="D23" s="780">
        <v>136405310.19999999</v>
      </c>
      <c r="E23" s="781"/>
      <c r="F23" s="780">
        <v>17438234.329999998</v>
      </c>
      <c r="G23" s="781"/>
      <c r="H23" s="337">
        <v>12.784131574080023</v>
      </c>
      <c r="I23" s="780">
        <v>47340626</v>
      </c>
      <c r="J23" s="781"/>
      <c r="K23" s="337">
        <v>34.705852675814675</v>
      </c>
      <c r="L23" s="338">
        <v>89064684.200000003</v>
      </c>
    </row>
    <row r="24" spans="1:14" ht="10.5" x14ac:dyDescent="0.2">
      <c r="A24" s="32" t="s">
        <v>16</v>
      </c>
      <c r="B24" s="731">
        <v>1030600</v>
      </c>
      <c r="C24" s="786"/>
      <c r="D24" s="780">
        <v>1030600</v>
      </c>
      <c r="E24" s="781"/>
      <c r="F24" s="731">
        <v>195329.5</v>
      </c>
      <c r="G24" s="786"/>
      <c r="H24" s="337">
        <v>18.952988550359017</v>
      </c>
      <c r="I24" s="780">
        <v>403981.83</v>
      </c>
      <c r="J24" s="781"/>
      <c r="K24" s="337">
        <v>39.19870269745779</v>
      </c>
      <c r="L24" s="338">
        <v>626618.16999999993</v>
      </c>
    </row>
    <row r="25" spans="1:14" ht="10.5" x14ac:dyDescent="0.2">
      <c r="A25" s="32" t="s">
        <v>17</v>
      </c>
      <c r="B25" s="731">
        <v>67394400</v>
      </c>
      <c r="C25" s="786"/>
      <c r="D25" s="780">
        <v>67394400</v>
      </c>
      <c r="E25" s="781"/>
      <c r="F25" s="731">
        <v>16262916.529999999</v>
      </c>
      <c r="G25" s="786"/>
      <c r="H25" s="337">
        <v>24.130961222297401</v>
      </c>
      <c r="I25" s="780">
        <v>43175652.310000002</v>
      </c>
      <c r="J25" s="781"/>
      <c r="K25" s="337">
        <v>64.064154158208993</v>
      </c>
      <c r="L25" s="338">
        <v>24218747.689999998</v>
      </c>
    </row>
    <row r="26" spans="1:14" ht="10.5" x14ac:dyDescent="0.2">
      <c r="A26" s="32" t="s">
        <v>18</v>
      </c>
      <c r="B26" s="731">
        <v>338800</v>
      </c>
      <c r="C26" s="786"/>
      <c r="D26" s="780">
        <v>914310.2</v>
      </c>
      <c r="E26" s="781"/>
      <c r="F26" s="731">
        <v>764425.55</v>
      </c>
      <c r="G26" s="786"/>
      <c r="H26" s="337">
        <v>83.606805436491911</v>
      </c>
      <c r="I26" s="780">
        <v>914310.2</v>
      </c>
      <c r="J26" s="781"/>
      <c r="K26" s="337">
        <v>100</v>
      </c>
      <c r="L26" s="338">
        <v>0</v>
      </c>
    </row>
    <row r="27" spans="1:14" ht="10.5" x14ac:dyDescent="0.2">
      <c r="A27" s="32" t="s">
        <v>119</v>
      </c>
      <c r="B27" s="731">
        <v>67066000</v>
      </c>
      <c r="C27" s="786"/>
      <c r="D27" s="780">
        <v>67066000</v>
      </c>
      <c r="E27" s="781"/>
      <c r="F27" s="731">
        <v>215562.75</v>
      </c>
      <c r="G27" s="786"/>
      <c r="H27" s="337">
        <v>0.32141882623087703</v>
      </c>
      <c r="I27" s="780">
        <v>2846681.66</v>
      </c>
      <c r="J27" s="781"/>
      <c r="K27" s="337">
        <v>4.2445973518623443</v>
      </c>
      <c r="L27" s="338">
        <v>64219318.340000004</v>
      </c>
    </row>
    <row r="28" spans="1:14" ht="21" x14ac:dyDescent="0.2">
      <c r="A28" s="59" t="s">
        <v>370</v>
      </c>
      <c r="B28" s="731">
        <v>0</v>
      </c>
      <c r="C28" s="786"/>
      <c r="D28" s="780">
        <v>0</v>
      </c>
      <c r="E28" s="781"/>
      <c r="F28" s="731">
        <v>0</v>
      </c>
      <c r="G28" s="786"/>
      <c r="H28" s="337">
        <v>0</v>
      </c>
      <c r="I28" s="780">
        <v>0</v>
      </c>
      <c r="J28" s="781"/>
      <c r="K28" s="337">
        <v>0</v>
      </c>
      <c r="L28" s="338">
        <v>0</v>
      </c>
    </row>
    <row r="29" spans="1:14" ht="10.5" x14ac:dyDescent="0.2">
      <c r="A29" s="59" t="s">
        <v>371</v>
      </c>
      <c r="B29" s="731">
        <v>0</v>
      </c>
      <c r="C29" s="786"/>
      <c r="D29" s="780">
        <v>0</v>
      </c>
      <c r="E29" s="781"/>
      <c r="F29" s="731">
        <v>0</v>
      </c>
      <c r="G29" s="786"/>
      <c r="H29" s="337">
        <v>0</v>
      </c>
      <c r="I29" s="780">
        <v>0</v>
      </c>
      <c r="J29" s="781"/>
      <c r="K29" s="337">
        <v>0</v>
      </c>
      <c r="L29" s="338">
        <v>0</v>
      </c>
    </row>
    <row r="30" spans="1:14" ht="10.5" x14ac:dyDescent="0.2">
      <c r="A30" s="32" t="s">
        <v>19</v>
      </c>
      <c r="B30" s="731">
        <v>0</v>
      </c>
      <c r="C30" s="786"/>
      <c r="D30" s="780">
        <v>0</v>
      </c>
      <c r="E30" s="781"/>
      <c r="F30" s="731">
        <v>0</v>
      </c>
      <c r="G30" s="786"/>
      <c r="H30" s="337">
        <v>0</v>
      </c>
      <c r="I30" s="780">
        <v>0</v>
      </c>
      <c r="J30" s="781"/>
      <c r="K30" s="337">
        <v>0</v>
      </c>
      <c r="L30" s="338">
        <v>0</v>
      </c>
    </row>
    <row r="31" spans="1:14" ht="10.5" x14ac:dyDescent="0.2">
      <c r="A31" s="165" t="s">
        <v>20</v>
      </c>
      <c r="B31" s="731">
        <v>0</v>
      </c>
      <c r="C31" s="786"/>
      <c r="D31" s="731">
        <v>0</v>
      </c>
      <c r="E31" s="786"/>
      <c r="F31" s="731">
        <v>0</v>
      </c>
      <c r="G31" s="786"/>
      <c r="H31" s="337">
        <v>0</v>
      </c>
      <c r="I31" s="780">
        <v>0</v>
      </c>
      <c r="J31" s="781"/>
      <c r="K31" s="337">
        <v>0</v>
      </c>
      <c r="L31" s="338">
        <v>0</v>
      </c>
    </row>
    <row r="32" spans="1:14" ht="10.5" x14ac:dyDescent="0.2">
      <c r="A32" s="32" t="s">
        <v>21</v>
      </c>
      <c r="B32" s="731">
        <v>0</v>
      </c>
      <c r="C32" s="786"/>
      <c r="D32" s="780">
        <v>0</v>
      </c>
      <c r="E32" s="781"/>
      <c r="F32" s="731">
        <v>0</v>
      </c>
      <c r="G32" s="786"/>
      <c r="H32" s="337">
        <v>0</v>
      </c>
      <c r="I32" s="780">
        <v>0</v>
      </c>
      <c r="J32" s="781"/>
      <c r="K32" s="337">
        <v>0</v>
      </c>
      <c r="L32" s="338">
        <v>0</v>
      </c>
    </row>
    <row r="33" spans="1:14" ht="10.5" x14ac:dyDescent="0.2">
      <c r="A33" s="32" t="s">
        <v>22</v>
      </c>
      <c r="B33" s="731">
        <v>0</v>
      </c>
      <c r="C33" s="786"/>
      <c r="D33" s="780">
        <v>0</v>
      </c>
      <c r="E33" s="781"/>
      <c r="F33" s="731">
        <v>0</v>
      </c>
      <c r="G33" s="786"/>
      <c r="H33" s="337">
        <v>0</v>
      </c>
      <c r="I33" s="780">
        <v>0</v>
      </c>
      <c r="J33" s="781"/>
      <c r="K33" s="337">
        <v>0</v>
      </c>
      <c r="L33" s="338">
        <v>0</v>
      </c>
    </row>
    <row r="34" spans="1:14" ht="10.5" x14ac:dyDescent="0.2">
      <c r="A34" s="32" t="s">
        <v>23</v>
      </c>
      <c r="B34" s="731">
        <v>0</v>
      </c>
      <c r="C34" s="786"/>
      <c r="D34" s="780">
        <v>0</v>
      </c>
      <c r="E34" s="781"/>
      <c r="F34" s="731">
        <v>0</v>
      </c>
      <c r="G34" s="786"/>
      <c r="H34" s="337">
        <v>0</v>
      </c>
      <c r="I34" s="780">
        <v>0</v>
      </c>
      <c r="J34" s="781"/>
      <c r="K34" s="337">
        <v>0</v>
      </c>
      <c r="L34" s="338">
        <v>0</v>
      </c>
    </row>
    <row r="35" spans="1:14" ht="10.5" x14ac:dyDescent="0.2">
      <c r="A35" s="165" t="s">
        <v>24</v>
      </c>
      <c r="B35" s="731">
        <v>0</v>
      </c>
      <c r="C35" s="786"/>
      <c r="D35" s="731">
        <v>0</v>
      </c>
      <c r="E35" s="786"/>
      <c r="F35" s="731">
        <v>0</v>
      </c>
      <c r="G35" s="786"/>
      <c r="H35" s="337">
        <v>0</v>
      </c>
      <c r="I35" s="780">
        <v>0</v>
      </c>
      <c r="J35" s="781"/>
      <c r="K35" s="337">
        <v>0</v>
      </c>
      <c r="L35" s="338">
        <v>0</v>
      </c>
    </row>
    <row r="36" spans="1:14" ht="10.5" x14ac:dyDescent="0.2">
      <c r="A36" s="32" t="s">
        <v>372</v>
      </c>
      <c r="B36" s="731">
        <v>0</v>
      </c>
      <c r="C36" s="786"/>
      <c r="D36" s="780">
        <v>0</v>
      </c>
      <c r="E36" s="781"/>
      <c r="F36" s="731">
        <v>0</v>
      </c>
      <c r="G36" s="786"/>
      <c r="H36" s="337">
        <v>0</v>
      </c>
      <c r="I36" s="780">
        <v>0</v>
      </c>
      <c r="J36" s="781"/>
      <c r="K36" s="337">
        <v>0</v>
      </c>
      <c r="L36" s="338">
        <v>0</v>
      </c>
    </row>
    <row r="37" spans="1:14" ht="10.5" x14ac:dyDescent="0.2">
      <c r="A37" s="32" t="s">
        <v>25</v>
      </c>
      <c r="B37" s="731">
        <v>0</v>
      </c>
      <c r="C37" s="786"/>
      <c r="D37" s="780">
        <v>0</v>
      </c>
      <c r="E37" s="781"/>
      <c r="F37" s="731">
        <v>0</v>
      </c>
      <c r="G37" s="786"/>
      <c r="H37" s="337">
        <v>0</v>
      </c>
      <c r="I37" s="780">
        <v>0</v>
      </c>
      <c r="J37" s="781"/>
      <c r="K37" s="337">
        <v>0</v>
      </c>
      <c r="L37" s="338">
        <v>0</v>
      </c>
    </row>
    <row r="38" spans="1:14" ht="10.5" x14ac:dyDescent="0.2">
      <c r="A38" s="32" t="s">
        <v>26</v>
      </c>
      <c r="B38" s="731">
        <v>0</v>
      </c>
      <c r="C38" s="786"/>
      <c r="D38" s="780">
        <v>0</v>
      </c>
      <c r="E38" s="781"/>
      <c r="F38" s="731">
        <v>0</v>
      </c>
      <c r="G38" s="786"/>
      <c r="H38" s="337">
        <v>0</v>
      </c>
      <c r="I38" s="780">
        <v>0</v>
      </c>
      <c r="J38" s="781"/>
      <c r="K38" s="337">
        <v>0</v>
      </c>
      <c r="L38" s="338">
        <v>0</v>
      </c>
    </row>
    <row r="39" spans="1:14" ht="10.5" x14ac:dyDescent="0.2">
      <c r="A39" s="60" t="s">
        <v>27</v>
      </c>
      <c r="B39" s="731">
        <v>0</v>
      </c>
      <c r="C39" s="786"/>
      <c r="D39" s="780">
        <v>0</v>
      </c>
      <c r="E39" s="781"/>
      <c r="F39" s="731">
        <v>0</v>
      </c>
      <c r="G39" s="786"/>
      <c r="H39" s="337">
        <v>0</v>
      </c>
      <c r="I39" s="780">
        <v>0</v>
      </c>
      <c r="J39" s="781"/>
      <c r="K39" s="337">
        <v>0</v>
      </c>
      <c r="L39" s="338">
        <v>0</v>
      </c>
    </row>
    <row r="40" spans="1:14" ht="10.5" x14ac:dyDescent="0.2">
      <c r="A40" s="165" t="s">
        <v>28</v>
      </c>
      <c r="B40" s="731">
        <v>447593100</v>
      </c>
      <c r="C40" s="786"/>
      <c r="D40" s="780">
        <v>447593100</v>
      </c>
      <c r="E40" s="781"/>
      <c r="F40" s="731">
        <v>89045422.510000005</v>
      </c>
      <c r="G40" s="786"/>
      <c r="H40" s="337">
        <v>19.894279538714962</v>
      </c>
      <c r="I40" s="780">
        <v>231026294.75999999</v>
      </c>
      <c r="J40" s="781"/>
      <c r="K40" s="337">
        <v>51.615249377168681</v>
      </c>
      <c r="L40" s="338">
        <v>216566805.24000001</v>
      </c>
    </row>
    <row r="41" spans="1:14" ht="10.5" x14ac:dyDescent="0.2">
      <c r="A41" s="165" t="s">
        <v>29</v>
      </c>
      <c r="B41" s="731">
        <v>2984392800</v>
      </c>
      <c r="C41" s="786"/>
      <c r="D41" s="731">
        <v>2984392800</v>
      </c>
      <c r="E41" s="786"/>
      <c r="F41" s="731">
        <v>399706219.67999995</v>
      </c>
      <c r="G41" s="786"/>
      <c r="H41" s="337">
        <v>13.393217530882662</v>
      </c>
      <c r="I41" s="780">
        <v>1193466448.1599998</v>
      </c>
      <c r="J41" s="781"/>
      <c r="K41" s="337">
        <v>39.990260268688488</v>
      </c>
      <c r="L41" s="338">
        <v>1790926351.8400002</v>
      </c>
      <c r="M41" s="65"/>
      <c r="N41" s="65"/>
    </row>
    <row r="42" spans="1:14" ht="10.5" x14ac:dyDescent="0.2">
      <c r="A42" s="32" t="s">
        <v>30</v>
      </c>
      <c r="B42" s="731">
        <v>2221812200</v>
      </c>
      <c r="C42" s="786"/>
      <c r="D42" s="780">
        <v>2221812200</v>
      </c>
      <c r="E42" s="781"/>
      <c r="F42" s="731">
        <v>340941377.77999997</v>
      </c>
      <c r="G42" s="786"/>
      <c r="H42" s="337">
        <v>15.345193341723482</v>
      </c>
      <c r="I42" s="780">
        <v>1034146755.8299999</v>
      </c>
      <c r="J42" s="781"/>
      <c r="K42" s="337">
        <v>46.545192065738043</v>
      </c>
      <c r="L42" s="338">
        <v>1187665444.1700001</v>
      </c>
    </row>
    <row r="43" spans="1:14" ht="10.5" x14ac:dyDescent="0.2">
      <c r="A43" s="32" t="s">
        <v>31</v>
      </c>
      <c r="B43" s="731">
        <v>478545500</v>
      </c>
      <c r="C43" s="786"/>
      <c r="D43" s="780">
        <v>478545500</v>
      </c>
      <c r="E43" s="781"/>
      <c r="F43" s="731">
        <v>53337849.140000001</v>
      </c>
      <c r="G43" s="786"/>
      <c r="H43" s="337">
        <v>11.145826079233846</v>
      </c>
      <c r="I43" s="780">
        <v>148637556.75</v>
      </c>
      <c r="J43" s="781"/>
      <c r="K43" s="337">
        <v>31.06027676574119</v>
      </c>
      <c r="L43" s="338">
        <v>329907943.25</v>
      </c>
    </row>
    <row r="44" spans="1:14" ht="10.5" x14ac:dyDescent="0.2">
      <c r="A44" s="32" t="s">
        <v>32</v>
      </c>
      <c r="B44" s="731">
        <v>0</v>
      </c>
      <c r="C44" s="786"/>
      <c r="D44" s="780">
        <v>0</v>
      </c>
      <c r="E44" s="781"/>
      <c r="F44" s="731">
        <v>0</v>
      </c>
      <c r="G44" s="786"/>
      <c r="H44" s="337">
        <v>0</v>
      </c>
      <c r="I44" s="780">
        <v>0</v>
      </c>
      <c r="J44" s="781"/>
      <c r="K44" s="337">
        <v>0</v>
      </c>
      <c r="L44" s="338">
        <v>0</v>
      </c>
    </row>
    <row r="45" spans="1:14" ht="10.5" x14ac:dyDescent="0.2">
      <c r="A45" s="32" t="s">
        <v>33</v>
      </c>
      <c r="B45" s="731">
        <v>56200</v>
      </c>
      <c r="C45" s="786"/>
      <c r="D45" s="780">
        <v>56200</v>
      </c>
      <c r="E45" s="781"/>
      <c r="F45" s="731">
        <v>0</v>
      </c>
      <c r="G45" s="786"/>
      <c r="H45" s="337">
        <v>0</v>
      </c>
      <c r="I45" s="780">
        <v>5802.1</v>
      </c>
      <c r="J45" s="781"/>
      <c r="K45" s="337">
        <v>10.324021352313167</v>
      </c>
      <c r="L45" s="338">
        <v>50397.9</v>
      </c>
    </row>
    <row r="46" spans="1:14" ht="10.5" x14ac:dyDescent="0.2">
      <c r="A46" s="32" t="s">
        <v>34</v>
      </c>
      <c r="B46" s="731">
        <v>283978900</v>
      </c>
      <c r="C46" s="786"/>
      <c r="D46" s="780">
        <v>283978900</v>
      </c>
      <c r="E46" s="781"/>
      <c r="F46" s="731">
        <v>5426992.7599999998</v>
      </c>
      <c r="G46" s="786"/>
      <c r="H46" s="337">
        <v>1.9110549269681656</v>
      </c>
      <c r="I46" s="780">
        <v>10676333.48</v>
      </c>
      <c r="J46" s="781"/>
      <c r="K46" s="337">
        <v>3.7595516709163959</v>
      </c>
      <c r="L46" s="338">
        <v>273302566.51999998</v>
      </c>
    </row>
    <row r="47" spans="1:14" ht="10.5" x14ac:dyDescent="0.2">
      <c r="A47" s="61" t="s">
        <v>35</v>
      </c>
      <c r="B47" s="731">
        <v>0</v>
      </c>
      <c r="C47" s="786"/>
      <c r="D47" s="780">
        <v>0</v>
      </c>
      <c r="E47" s="781"/>
      <c r="F47" s="731">
        <v>0</v>
      </c>
      <c r="G47" s="786"/>
      <c r="H47" s="337">
        <v>0</v>
      </c>
      <c r="I47" s="780">
        <v>0</v>
      </c>
      <c r="J47" s="781"/>
      <c r="K47" s="337">
        <v>0</v>
      </c>
      <c r="L47" s="338">
        <v>0</v>
      </c>
    </row>
    <row r="48" spans="1:14" ht="10.5" x14ac:dyDescent="0.2">
      <c r="A48" s="165" t="s">
        <v>36</v>
      </c>
      <c r="B48" s="731">
        <v>163748100</v>
      </c>
      <c r="C48" s="786"/>
      <c r="D48" s="731">
        <v>163748100</v>
      </c>
      <c r="E48" s="786"/>
      <c r="F48" s="731">
        <v>26315651.959999997</v>
      </c>
      <c r="G48" s="786"/>
      <c r="H48" s="337">
        <v>16.070813621654235</v>
      </c>
      <c r="I48" s="780">
        <v>59891184.890000001</v>
      </c>
      <c r="J48" s="781"/>
      <c r="K48" s="337">
        <v>36.575193782401136</v>
      </c>
      <c r="L48" s="338">
        <v>103856915.11</v>
      </c>
    </row>
    <row r="49" spans="1:14" ht="10.5" x14ac:dyDescent="0.2">
      <c r="A49" s="32" t="s">
        <v>37</v>
      </c>
      <c r="B49" s="731">
        <v>83718200</v>
      </c>
      <c r="C49" s="786"/>
      <c r="D49" s="780">
        <v>83718200</v>
      </c>
      <c r="E49" s="781"/>
      <c r="F49" s="731">
        <v>14811339.140000001</v>
      </c>
      <c r="G49" s="786"/>
      <c r="H49" s="337">
        <v>17.691898703029928</v>
      </c>
      <c r="I49" s="780">
        <v>39095412.979999997</v>
      </c>
      <c r="J49" s="781"/>
      <c r="K49" s="337">
        <v>46.698821737686664</v>
      </c>
      <c r="L49" s="338">
        <v>44622787.020000003</v>
      </c>
    </row>
    <row r="50" spans="1:14" ht="10.5" x14ac:dyDescent="0.2">
      <c r="A50" s="32" t="s">
        <v>38</v>
      </c>
      <c r="B50" s="731">
        <v>25102100</v>
      </c>
      <c r="C50" s="786"/>
      <c r="D50" s="780">
        <v>25102100</v>
      </c>
      <c r="E50" s="781"/>
      <c r="F50" s="731">
        <v>8068544.1500000004</v>
      </c>
      <c r="G50" s="786"/>
      <c r="H50" s="337">
        <v>32.142904976077702</v>
      </c>
      <c r="I50" s="780">
        <v>11167915.67</v>
      </c>
      <c r="J50" s="781"/>
      <c r="K50" s="337">
        <v>44.489965660243563</v>
      </c>
      <c r="L50" s="338">
        <v>13934184.33</v>
      </c>
    </row>
    <row r="51" spans="1:14" ht="10.5" x14ac:dyDescent="0.2">
      <c r="A51" s="32" t="s">
        <v>39</v>
      </c>
      <c r="B51" s="731">
        <v>9180000</v>
      </c>
      <c r="C51" s="786"/>
      <c r="D51" s="780">
        <v>9180000</v>
      </c>
      <c r="E51" s="781"/>
      <c r="F51" s="731">
        <v>2268818.31</v>
      </c>
      <c r="G51" s="786"/>
      <c r="H51" s="337">
        <v>24.714796405228761</v>
      </c>
      <c r="I51" s="780">
        <v>6359920.0700000003</v>
      </c>
      <c r="J51" s="781"/>
      <c r="K51" s="337">
        <v>69.280175054466227</v>
      </c>
      <c r="L51" s="338">
        <v>2820079.9299999997</v>
      </c>
    </row>
    <row r="52" spans="1:14" ht="21" x14ac:dyDescent="0.2">
      <c r="A52" s="59" t="s">
        <v>373</v>
      </c>
      <c r="B52" s="731">
        <v>0</v>
      </c>
      <c r="C52" s="786"/>
      <c r="D52" s="780">
        <v>0</v>
      </c>
      <c r="E52" s="781"/>
      <c r="F52" s="731">
        <v>0</v>
      </c>
      <c r="G52" s="786"/>
      <c r="H52" s="337">
        <v>0</v>
      </c>
      <c r="I52" s="780">
        <v>0</v>
      </c>
      <c r="J52" s="781"/>
      <c r="K52" s="337">
        <v>0</v>
      </c>
      <c r="L52" s="338">
        <v>0</v>
      </c>
    </row>
    <row r="53" spans="1:14" ht="10.5" x14ac:dyDescent="0.2">
      <c r="A53" s="61" t="s">
        <v>54</v>
      </c>
      <c r="B53" s="731">
        <v>45747800</v>
      </c>
      <c r="C53" s="786"/>
      <c r="D53" s="780">
        <v>45747800</v>
      </c>
      <c r="E53" s="781"/>
      <c r="F53" s="731">
        <v>1166950.3600000001</v>
      </c>
      <c r="G53" s="786"/>
      <c r="H53" s="337">
        <v>2.550833832446588</v>
      </c>
      <c r="I53" s="780">
        <v>3267936.17</v>
      </c>
      <c r="J53" s="781"/>
      <c r="K53" s="337">
        <v>7.1433733862611968</v>
      </c>
      <c r="L53" s="338">
        <v>42479863.829999998</v>
      </c>
    </row>
    <row r="54" spans="1:14" ht="10.5" x14ac:dyDescent="0.2">
      <c r="A54" s="165" t="s">
        <v>40</v>
      </c>
      <c r="B54" s="747">
        <v>710018100</v>
      </c>
      <c r="C54" s="785"/>
      <c r="D54" s="747">
        <v>711616949.01999998</v>
      </c>
      <c r="E54" s="785"/>
      <c r="F54" s="747">
        <v>87693942.399999991</v>
      </c>
      <c r="G54" s="785"/>
      <c r="H54" s="344">
        <v>12.323194735702586</v>
      </c>
      <c r="I54" s="783">
        <v>262685140.95000002</v>
      </c>
      <c r="J54" s="784"/>
      <c r="K54" s="344">
        <v>36.913839856084884</v>
      </c>
      <c r="L54" s="689">
        <v>448931808.07000005</v>
      </c>
    </row>
    <row r="55" spans="1:14" ht="10.5" x14ac:dyDescent="0.2">
      <c r="A55" s="165" t="s">
        <v>41</v>
      </c>
      <c r="B55" s="731">
        <v>36288000</v>
      </c>
      <c r="C55" s="786"/>
      <c r="D55" s="780">
        <v>37886849.020000003</v>
      </c>
      <c r="E55" s="781"/>
      <c r="F55" s="731">
        <v>8098849.0199999996</v>
      </c>
      <c r="G55" s="786"/>
      <c r="H55" s="337">
        <v>21.376412210275699</v>
      </c>
      <c r="I55" s="780">
        <v>8098849.0199999996</v>
      </c>
      <c r="J55" s="781"/>
      <c r="K55" s="337">
        <v>21.376412210275699</v>
      </c>
      <c r="L55" s="338">
        <v>29788000</v>
      </c>
    </row>
    <row r="56" spans="1:14" ht="10.5" x14ac:dyDescent="0.2">
      <c r="A56" s="32" t="s">
        <v>42</v>
      </c>
      <c r="B56" s="731">
        <v>34788000</v>
      </c>
      <c r="C56" s="786"/>
      <c r="D56" s="780">
        <v>34788000</v>
      </c>
      <c r="E56" s="781"/>
      <c r="F56" s="731">
        <v>5000000</v>
      </c>
      <c r="G56" s="786"/>
      <c r="H56" s="337">
        <v>14.372772220305851</v>
      </c>
      <c r="I56" s="780">
        <v>5000000</v>
      </c>
      <c r="J56" s="781"/>
      <c r="K56" s="337">
        <v>14.372772220305851</v>
      </c>
      <c r="L56" s="338">
        <v>29788000</v>
      </c>
    </row>
    <row r="57" spans="1:14" ht="10.5" x14ac:dyDescent="0.2">
      <c r="A57" s="32" t="s">
        <v>43</v>
      </c>
      <c r="B57" s="731">
        <v>1500000</v>
      </c>
      <c r="C57" s="786"/>
      <c r="D57" s="780">
        <v>3098849.02</v>
      </c>
      <c r="E57" s="781"/>
      <c r="F57" s="731">
        <v>3098849.02</v>
      </c>
      <c r="G57" s="786"/>
      <c r="H57" s="337">
        <v>100</v>
      </c>
      <c r="I57" s="780">
        <v>3098849.02</v>
      </c>
      <c r="J57" s="781"/>
      <c r="K57" s="337">
        <v>100</v>
      </c>
      <c r="L57" s="338">
        <v>0</v>
      </c>
    </row>
    <row r="58" spans="1:14" ht="10.5" x14ac:dyDescent="0.2">
      <c r="A58" s="165" t="s">
        <v>44</v>
      </c>
      <c r="B58" s="731">
        <v>7652000</v>
      </c>
      <c r="C58" s="786"/>
      <c r="D58" s="731">
        <v>7652000</v>
      </c>
      <c r="E58" s="786"/>
      <c r="F58" s="731">
        <v>56941.01</v>
      </c>
      <c r="G58" s="786"/>
      <c r="H58" s="337">
        <v>0.74413238369053836</v>
      </c>
      <c r="I58" s="780">
        <v>345024.35</v>
      </c>
      <c r="J58" s="781"/>
      <c r="K58" s="337">
        <v>4.5089434134866702</v>
      </c>
      <c r="L58" s="338">
        <v>7306975.6499999994</v>
      </c>
      <c r="M58" s="65"/>
      <c r="N58" s="65"/>
    </row>
    <row r="59" spans="1:14" ht="10.5" x14ac:dyDescent="0.2">
      <c r="A59" s="32" t="s">
        <v>45</v>
      </c>
      <c r="B59" s="731">
        <v>2056000</v>
      </c>
      <c r="C59" s="786"/>
      <c r="D59" s="780">
        <v>2056000</v>
      </c>
      <c r="E59" s="781"/>
      <c r="F59" s="731">
        <v>17140.18</v>
      </c>
      <c r="G59" s="786"/>
      <c r="H59" s="337">
        <v>0.83366634241245141</v>
      </c>
      <c r="I59" s="780">
        <v>119653.28</v>
      </c>
      <c r="J59" s="781"/>
      <c r="K59" s="337">
        <v>5.8197120622568095</v>
      </c>
      <c r="L59" s="338">
        <v>1936346.72</v>
      </c>
    </row>
    <row r="60" spans="1:14" ht="10.5" x14ac:dyDescent="0.2">
      <c r="A60" s="32" t="s">
        <v>46</v>
      </c>
      <c r="B60" s="731">
        <v>5596000</v>
      </c>
      <c r="C60" s="786"/>
      <c r="D60" s="780">
        <v>5596000</v>
      </c>
      <c r="E60" s="781"/>
      <c r="F60" s="731">
        <v>39800.83</v>
      </c>
      <c r="G60" s="786"/>
      <c r="H60" s="337">
        <v>0.711237133666905</v>
      </c>
      <c r="I60" s="780">
        <v>225371.07</v>
      </c>
      <c r="J60" s="781"/>
      <c r="K60" s="337">
        <v>4.0273600786275914</v>
      </c>
      <c r="L60" s="338">
        <v>5370628.9299999997</v>
      </c>
    </row>
    <row r="61" spans="1:14" ht="10.5" x14ac:dyDescent="0.2">
      <c r="A61" s="165" t="s">
        <v>47</v>
      </c>
      <c r="B61" s="731">
        <v>2054800</v>
      </c>
      <c r="C61" s="786"/>
      <c r="D61" s="780">
        <v>2054800</v>
      </c>
      <c r="E61" s="781"/>
      <c r="F61" s="731">
        <v>485599.72</v>
      </c>
      <c r="G61" s="786"/>
      <c r="H61" s="337">
        <v>23.632456686782167</v>
      </c>
      <c r="I61" s="780">
        <v>1068382.79</v>
      </c>
      <c r="J61" s="781"/>
      <c r="K61" s="337">
        <v>51.994490461358765</v>
      </c>
      <c r="L61" s="338">
        <v>986417.21</v>
      </c>
    </row>
    <row r="62" spans="1:14" ht="10.5" x14ac:dyDescent="0.2">
      <c r="A62" s="165" t="s">
        <v>48</v>
      </c>
      <c r="B62" s="731">
        <v>664023300</v>
      </c>
      <c r="C62" s="786"/>
      <c r="D62" s="731">
        <v>664023300</v>
      </c>
      <c r="E62" s="786"/>
      <c r="F62" s="731">
        <v>79052552.649999991</v>
      </c>
      <c r="G62" s="786"/>
      <c r="H62" s="337">
        <v>11.905087163357067</v>
      </c>
      <c r="I62" s="780">
        <v>253172884.79000002</v>
      </c>
      <c r="J62" s="781"/>
      <c r="K62" s="337">
        <v>38.127108610496052</v>
      </c>
      <c r="L62" s="338">
        <v>410850415.21000004</v>
      </c>
      <c r="M62" s="65"/>
      <c r="N62" s="65"/>
    </row>
    <row r="63" spans="1:14" ht="10.5" x14ac:dyDescent="0.2">
      <c r="A63" s="32" t="s">
        <v>30</v>
      </c>
      <c r="B63" s="731">
        <v>32204000</v>
      </c>
      <c r="C63" s="786"/>
      <c r="D63" s="780">
        <v>32204000</v>
      </c>
      <c r="E63" s="781"/>
      <c r="F63" s="731">
        <v>0</v>
      </c>
      <c r="G63" s="786"/>
      <c r="H63" s="337">
        <v>0</v>
      </c>
      <c r="I63" s="780">
        <v>3694046.41</v>
      </c>
      <c r="J63" s="781"/>
      <c r="K63" s="337">
        <v>11.47076887964228</v>
      </c>
      <c r="L63" s="338">
        <v>28509953.59</v>
      </c>
    </row>
    <row r="64" spans="1:14" ht="10.5" x14ac:dyDescent="0.2">
      <c r="A64" s="32" t="s">
        <v>31</v>
      </c>
      <c r="B64" s="731">
        <v>411979000</v>
      </c>
      <c r="C64" s="786"/>
      <c r="D64" s="780">
        <v>411979000</v>
      </c>
      <c r="E64" s="781"/>
      <c r="F64" s="731">
        <v>73892172.049999997</v>
      </c>
      <c r="G64" s="786"/>
      <c r="H64" s="337">
        <v>17.935907424893017</v>
      </c>
      <c r="I64" s="780">
        <v>221525698.99000001</v>
      </c>
      <c r="J64" s="781"/>
      <c r="K64" s="337">
        <v>53.771114301942582</v>
      </c>
      <c r="L64" s="338">
        <v>190453301.00999999</v>
      </c>
    </row>
    <row r="65" spans="1:13" ht="10.5" x14ac:dyDescent="0.2">
      <c r="A65" s="32" t="s">
        <v>32</v>
      </c>
      <c r="B65" s="731">
        <v>0</v>
      </c>
      <c r="C65" s="786"/>
      <c r="D65" s="780">
        <v>0</v>
      </c>
      <c r="E65" s="781"/>
      <c r="F65" s="731">
        <v>0</v>
      </c>
      <c r="G65" s="786"/>
      <c r="H65" s="337">
        <v>0</v>
      </c>
      <c r="I65" s="780">
        <v>0</v>
      </c>
      <c r="J65" s="781"/>
      <c r="K65" s="337">
        <v>0</v>
      </c>
      <c r="L65" s="338">
        <v>0</v>
      </c>
    </row>
    <row r="66" spans="1:13" ht="10.5" x14ac:dyDescent="0.2">
      <c r="A66" s="32" t="s">
        <v>33</v>
      </c>
      <c r="B66" s="731">
        <v>0</v>
      </c>
      <c r="C66" s="786"/>
      <c r="D66" s="780">
        <v>0</v>
      </c>
      <c r="E66" s="781"/>
      <c r="F66" s="731">
        <v>0</v>
      </c>
      <c r="G66" s="786"/>
      <c r="H66" s="337">
        <v>0</v>
      </c>
      <c r="I66" s="780">
        <v>0</v>
      </c>
      <c r="J66" s="781"/>
      <c r="K66" s="337">
        <v>0</v>
      </c>
      <c r="L66" s="338">
        <v>0</v>
      </c>
    </row>
    <row r="67" spans="1:13" ht="10.5" x14ac:dyDescent="0.2">
      <c r="A67" s="62" t="s">
        <v>49</v>
      </c>
      <c r="B67" s="731">
        <v>0</v>
      </c>
      <c r="C67" s="786"/>
      <c r="D67" s="780">
        <v>0</v>
      </c>
      <c r="E67" s="781"/>
      <c r="F67" s="731">
        <v>0</v>
      </c>
      <c r="G67" s="786"/>
      <c r="H67" s="337">
        <v>0</v>
      </c>
      <c r="I67" s="780">
        <v>0</v>
      </c>
      <c r="J67" s="781"/>
      <c r="K67" s="337">
        <v>0</v>
      </c>
      <c r="L67" s="338">
        <v>0</v>
      </c>
    </row>
    <row r="68" spans="1:13" ht="10.5" x14ac:dyDescent="0.2">
      <c r="A68" s="62" t="s">
        <v>34</v>
      </c>
      <c r="B68" s="731">
        <v>219840300</v>
      </c>
      <c r="C68" s="786"/>
      <c r="D68" s="780">
        <v>219840300</v>
      </c>
      <c r="E68" s="781"/>
      <c r="F68" s="731">
        <v>5160380.5999999996</v>
      </c>
      <c r="G68" s="786"/>
      <c r="H68" s="337">
        <v>2.3473314947259438</v>
      </c>
      <c r="I68" s="780">
        <v>27953139.390000001</v>
      </c>
      <c r="J68" s="781"/>
      <c r="K68" s="337">
        <v>12.715202531110084</v>
      </c>
      <c r="L68" s="338">
        <v>191887160.61000001</v>
      </c>
    </row>
    <row r="69" spans="1:13" ht="10.5" x14ac:dyDescent="0.2">
      <c r="A69" s="62" t="s">
        <v>35</v>
      </c>
      <c r="B69" s="731">
        <v>0</v>
      </c>
      <c r="C69" s="786"/>
      <c r="D69" s="780">
        <v>0</v>
      </c>
      <c r="E69" s="781"/>
      <c r="F69" s="731">
        <v>0</v>
      </c>
      <c r="G69" s="786"/>
      <c r="H69" s="337">
        <v>0</v>
      </c>
      <c r="I69" s="780">
        <v>0</v>
      </c>
      <c r="J69" s="781"/>
      <c r="K69" s="337">
        <v>0</v>
      </c>
      <c r="L69" s="338">
        <v>0</v>
      </c>
    </row>
    <row r="70" spans="1:13" ht="10.5" x14ac:dyDescent="0.2">
      <c r="A70" s="165" t="s">
        <v>50</v>
      </c>
      <c r="B70" s="731">
        <v>0</v>
      </c>
      <c r="C70" s="786"/>
      <c r="D70" s="731">
        <v>0</v>
      </c>
      <c r="E70" s="786"/>
      <c r="F70" s="731">
        <v>0</v>
      </c>
      <c r="G70" s="786"/>
      <c r="H70" s="337">
        <v>0</v>
      </c>
      <c r="I70" s="780">
        <v>0</v>
      </c>
      <c r="J70" s="781"/>
      <c r="K70" s="337">
        <v>0</v>
      </c>
      <c r="L70" s="338">
        <v>0</v>
      </c>
    </row>
    <row r="71" spans="1:13" ht="10.5" x14ac:dyDescent="0.2">
      <c r="A71" s="32" t="s">
        <v>51</v>
      </c>
      <c r="B71" s="731">
        <v>0</v>
      </c>
      <c r="C71" s="786"/>
      <c r="D71" s="780">
        <v>0</v>
      </c>
      <c r="E71" s="781"/>
      <c r="F71" s="731">
        <v>0</v>
      </c>
      <c r="G71" s="786"/>
      <c r="H71" s="337">
        <v>0</v>
      </c>
      <c r="I71" s="780">
        <v>0</v>
      </c>
      <c r="J71" s="781"/>
      <c r="K71" s="337">
        <v>0</v>
      </c>
      <c r="L71" s="338">
        <v>0</v>
      </c>
    </row>
    <row r="72" spans="1:13" ht="10.5" x14ac:dyDescent="0.2">
      <c r="A72" s="63" t="s">
        <v>52</v>
      </c>
      <c r="B72" s="731">
        <v>0</v>
      </c>
      <c r="C72" s="786"/>
      <c r="D72" s="780">
        <v>0</v>
      </c>
      <c r="E72" s="781"/>
      <c r="F72" s="780">
        <v>0</v>
      </c>
      <c r="G72" s="781"/>
      <c r="H72" s="337">
        <v>0</v>
      </c>
      <c r="I72" s="780">
        <v>0</v>
      </c>
      <c r="J72" s="781"/>
      <c r="K72" s="337">
        <v>0</v>
      </c>
      <c r="L72" s="338">
        <v>0</v>
      </c>
    </row>
    <row r="73" spans="1:13" ht="10.5" x14ac:dyDescent="0.2">
      <c r="A73" s="62" t="s">
        <v>53</v>
      </c>
      <c r="B73" s="731">
        <v>0</v>
      </c>
      <c r="C73" s="786"/>
      <c r="D73" s="780">
        <v>0</v>
      </c>
      <c r="E73" s="781"/>
      <c r="F73" s="731">
        <v>0</v>
      </c>
      <c r="G73" s="786"/>
      <c r="H73" s="337">
        <v>0</v>
      </c>
      <c r="I73" s="780">
        <v>0</v>
      </c>
      <c r="J73" s="781"/>
      <c r="K73" s="337">
        <v>0</v>
      </c>
      <c r="L73" s="338">
        <v>0</v>
      </c>
    </row>
    <row r="74" spans="1:13" ht="10.5" x14ac:dyDescent="0.2">
      <c r="A74" s="166" t="s">
        <v>82</v>
      </c>
      <c r="B74" s="789">
        <v>1179764000</v>
      </c>
      <c r="C74" s="790"/>
      <c r="D74" s="789">
        <v>1308369364.76</v>
      </c>
      <c r="E74" s="790"/>
      <c r="F74" s="789">
        <v>268153522.96000001</v>
      </c>
      <c r="G74" s="790"/>
      <c r="H74" s="623">
        <v>20.4952462341694</v>
      </c>
      <c r="I74" s="789">
        <v>522340890.14999998</v>
      </c>
      <c r="J74" s="790"/>
      <c r="K74" s="623">
        <v>39.92304499164235</v>
      </c>
      <c r="L74" s="624">
        <v>786028474.61000001</v>
      </c>
    </row>
    <row r="75" spans="1:13" ht="10.5" x14ac:dyDescent="0.2">
      <c r="A75" s="167" t="s">
        <v>83</v>
      </c>
      <c r="B75" s="787">
        <v>13057110000</v>
      </c>
      <c r="C75" s="788"/>
      <c r="D75" s="787">
        <v>13187889723.980001</v>
      </c>
      <c r="E75" s="788"/>
      <c r="F75" s="787">
        <v>2110307272.96</v>
      </c>
      <c r="G75" s="788"/>
      <c r="H75" s="630">
        <v>16.001857136572461</v>
      </c>
      <c r="I75" s="787">
        <v>5992145803.1499996</v>
      </c>
      <c r="J75" s="788"/>
      <c r="K75" s="631">
        <v>45.436729670663468</v>
      </c>
      <c r="L75" s="632">
        <v>7195743920.829999</v>
      </c>
      <c r="M75" s="339"/>
    </row>
    <row r="76" spans="1:13" ht="10.5" x14ac:dyDescent="0.2">
      <c r="A76" s="340" t="s">
        <v>361</v>
      </c>
      <c r="B76" s="744"/>
      <c r="C76" s="745"/>
      <c r="D76" s="744"/>
      <c r="E76" s="745"/>
      <c r="F76" s="744"/>
      <c r="G76" s="745"/>
      <c r="H76" s="633">
        <v>0</v>
      </c>
      <c r="I76" s="744"/>
      <c r="J76" s="745"/>
      <c r="K76" s="688">
        <v>0</v>
      </c>
      <c r="L76" s="688"/>
    </row>
    <row r="77" spans="1:13" ht="10.5" x14ac:dyDescent="0.2">
      <c r="A77" s="165" t="s">
        <v>310</v>
      </c>
      <c r="B77" s="634"/>
      <c r="C77" s="635"/>
      <c r="D77" s="634"/>
      <c r="E77" s="635"/>
      <c r="F77" s="634"/>
      <c r="G77" s="635"/>
      <c r="H77" s="626">
        <v>0</v>
      </c>
      <c r="I77" s="634"/>
      <c r="J77" s="635"/>
      <c r="K77" s="694">
        <v>0</v>
      </c>
      <c r="L77" s="694"/>
    </row>
    <row r="78" spans="1:13" ht="10.5" x14ac:dyDescent="0.2">
      <c r="A78" s="32" t="s">
        <v>55</v>
      </c>
      <c r="B78" s="626"/>
      <c r="C78" s="636"/>
      <c r="D78" s="626"/>
      <c r="E78" s="636"/>
      <c r="F78" s="626"/>
      <c r="G78" s="636"/>
      <c r="H78" s="626">
        <v>0</v>
      </c>
      <c r="I78" s="626"/>
      <c r="J78" s="636"/>
      <c r="K78" s="694">
        <v>0</v>
      </c>
      <c r="L78" s="694"/>
    </row>
    <row r="79" spans="1:13" ht="10.5" x14ac:dyDescent="0.2">
      <c r="A79" s="64" t="s">
        <v>56</v>
      </c>
      <c r="B79" s="626"/>
      <c r="C79" s="636"/>
      <c r="D79" s="626"/>
      <c r="E79" s="636"/>
      <c r="F79" s="626"/>
      <c r="G79" s="636"/>
      <c r="H79" s="626">
        <v>0</v>
      </c>
      <c r="I79" s="626"/>
      <c r="J79" s="636"/>
      <c r="K79" s="694">
        <v>0</v>
      </c>
      <c r="L79" s="694"/>
    </row>
    <row r="80" spans="1:13" ht="10.5" x14ac:dyDescent="0.2">
      <c r="A80" s="165" t="s">
        <v>311</v>
      </c>
      <c r="B80" s="626"/>
      <c r="C80" s="636"/>
      <c r="D80" s="626"/>
      <c r="E80" s="636"/>
      <c r="F80" s="626"/>
      <c r="G80" s="636"/>
      <c r="H80" s="626">
        <v>0</v>
      </c>
      <c r="I80" s="626"/>
      <c r="J80" s="636"/>
      <c r="K80" s="694">
        <v>0</v>
      </c>
      <c r="L80" s="694"/>
    </row>
    <row r="81" spans="1:13" ht="10.5" x14ac:dyDescent="0.2">
      <c r="A81" s="32" t="s">
        <v>55</v>
      </c>
      <c r="B81" s="626"/>
      <c r="C81" s="636"/>
      <c r="D81" s="626"/>
      <c r="E81" s="636"/>
      <c r="F81" s="626"/>
      <c r="G81" s="636"/>
      <c r="H81" s="626">
        <v>0</v>
      </c>
      <c r="I81" s="626"/>
      <c r="J81" s="636"/>
      <c r="K81" s="694">
        <v>0</v>
      </c>
      <c r="L81" s="694"/>
    </row>
    <row r="82" spans="1:13" ht="10.5" x14ac:dyDescent="0.2">
      <c r="A82" s="64" t="s">
        <v>56</v>
      </c>
      <c r="B82" s="629"/>
      <c r="C82" s="637"/>
      <c r="D82" s="629"/>
      <c r="E82" s="637"/>
      <c r="F82" s="629"/>
      <c r="G82" s="637"/>
      <c r="H82" s="626">
        <v>0</v>
      </c>
      <c r="I82" s="629"/>
      <c r="J82" s="637"/>
      <c r="K82" s="699">
        <v>0</v>
      </c>
      <c r="L82" s="699"/>
    </row>
    <row r="83" spans="1:13" ht="10.5" x14ac:dyDescent="0.2">
      <c r="A83" s="167" t="s">
        <v>57</v>
      </c>
      <c r="B83" s="787">
        <v>13057110000</v>
      </c>
      <c r="C83" s="788"/>
      <c r="D83" s="787">
        <v>13187889723.980001</v>
      </c>
      <c r="E83" s="788"/>
      <c r="F83" s="787">
        <v>2110307272.96</v>
      </c>
      <c r="G83" s="788"/>
      <c r="H83" s="632">
        <v>16.001857136572461</v>
      </c>
      <c r="I83" s="787">
        <v>5992145803.1499996</v>
      </c>
      <c r="J83" s="788"/>
      <c r="K83" s="638">
        <v>45.436729670663468</v>
      </c>
      <c r="L83" s="632">
        <v>7195743920.829999</v>
      </c>
      <c r="M83" s="31"/>
    </row>
    <row r="84" spans="1:13" ht="10.5" x14ac:dyDescent="0.2">
      <c r="A84" s="168" t="s">
        <v>84</v>
      </c>
      <c r="B84" s="787">
        <v>0</v>
      </c>
      <c r="C84" s="788"/>
      <c r="D84" s="787">
        <v>0</v>
      </c>
      <c r="E84" s="788"/>
      <c r="F84" s="787">
        <v>0</v>
      </c>
      <c r="G84" s="788"/>
      <c r="H84" s="632">
        <v>0</v>
      </c>
      <c r="I84" s="787">
        <v>334255047.90000057</v>
      </c>
      <c r="J84" s="788"/>
      <c r="K84" s="639">
        <v>0</v>
      </c>
      <c r="L84" s="695">
        <v>0</v>
      </c>
    </row>
    <row r="85" spans="1:13" ht="15" customHeight="1" x14ac:dyDescent="0.2">
      <c r="A85" s="30" t="s">
        <v>85</v>
      </c>
      <c r="B85" s="727">
        <v>13057110000</v>
      </c>
      <c r="C85" s="728"/>
      <c r="D85" s="727">
        <v>13187889723.980001</v>
      </c>
      <c r="E85" s="728"/>
      <c r="F85" s="727">
        <v>2110307272.96</v>
      </c>
      <c r="G85" s="728"/>
      <c r="H85" s="686">
        <v>16.001857136572461</v>
      </c>
      <c r="I85" s="727">
        <v>6326400851.0500002</v>
      </c>
      <c r="J85" s="728"/>
      <c r="K85" s="686">
        <v>47.971290202301923</v>
      </c>
      <c r="L85" s="640">
        <v>7195743920.829999</v>
      </c>
    </row>
    <row r="86" spans="1:13" ht="21" x14ac:dyDescent="0.2">
      <c r="A86" s="439" t="s">
        <v>58</v>
      </c>
      <c r="B86" s="729">
        <v>0</v>
      </c>
      <c r="C86" s="730"/>
      <c r="D86" s="744">
        <v>0</v>
      </c>
      <c r="E86" s="745"/>
      <c r="F86" s="744">
        <v>0</v>
      </c>
      <c r="G86" s="745"/>
      <c r="H86" s="641">
        <v>0</v>
      </c>
      <c r="I86" s="744">
        <v>0</v>
      </c>
      <c r="J86" s="745"/>
      <c r="K86" s="641">
        <v>0</v>
      </c>
      <c r="L86" s="688" t="s">
        <v>156</v>
      </c>
    </row>
    <row r="87" spans="1:13" ht="10.5" x14ac:dyDescent="0.2">
      <c r="A87" s="440" t="s">
        <v>355</v>
      </c>
      <c r="B87" s="729">
        <v>0</v>
      </c>
      <c r="C87" s="730"/>
      <c r="D87" s="744">
        <v>0</v>
      </c>
      <c r="E87" s="745"/>
      <c r="F87" s="744">
        <v>0</v>
      </c>
      <c r="G87" s="745"/>
      <c r="H87" s="641">
        <v>0</v>
      </c>
      <c r="I87" s="744">
        <v>0</v>
      </c>
      <c r="J87" s="745"/>
      <c r="K87" s="641">
        <v>0</v>
      </c>
      <c r="L87" s="688" t="s">
        <v>156</v>
      </c>
    </row>
    <row r="88" spans="1:13" ht="10.5" x14ac:dyDescent="0.2">
      <c r="A88" s="441" t="s">
        <v>354</v>
      </c>
      <c r="B88" s="744">
        <v>0</v>
      </c>
      <c r="C88" s="745"/>
      <c r="D88" s="744">
        <v>0</v>
      </c>
      <c r="E88" s="745"/>
      <c r="F88" s="744">
        <v>0</v>
      </c>
      <c r="G88" s="745"/>
      <c r="H88" s="641">
        <v>0</v>
      </c>
      <c r="I88" s="744">
        <v>0</v>
      </c>
      <c r="J88" s="745"/>
      <c r="K88" s="641">
        <v>0</v>
      </c>
      <c r="L88" s="688" t="s">
        <v>156</v>
      </c>
    </row>
    <row r="89" spans="1:13" ht="5.0999999999999996" customHeight="1" x14ac:dyDescent="0.2">
      <c r="F89" s="65"/>
      <c r="G89" s="65"/>
      <c r="H89" s="65"/>
      <c r="I89" s="65"/>
      <c r="J89" s="65"/>
      <c r="K89" s="65"/>
      <c r="L89" s="65"/>
    </row>
    <row r="90" spans="1:13" ht="5.0999999999999996" customHeight="1" x14ac:dyDescent="0.2">
      <c r="E90" s="672"/>
      <c r="F90" s="65"/>
      <c r="G90" s="570"/>
      <c r="H90" s="570"/>
      <c r="I90" s="570"/>
      <c r="J90" s="65"/>
      <c r="K90" s="65"/>
      <c r="L90" s="65"/>
    </row>
    <row r="91" spans="1:13" ht="14.25" customHeight="1" x14ac:dyDescent="0.2">
      <c r="A91" s="751" t="s">
        <v>868</v>
      </c>
      <c r="B91" s="66" t="s">
        <v>157</v>
      </c>
      <c r="C91" s="66" t="s">
        <v>157</v>
      </c>
      <c r="D91" s="733" t="s">
        <v>158</v>
      </c>
      <c r="E91" s="743"/>
      <c r="F91" s="793" t="s">
        <v>161</v>
      </c>
      <c r="G91" s="733" t="s">
        <v>159</v>
      </c>
      <c r="H91" s="734"/>
      <c r="I91" s="793" t="s">
        <v>161</v>
      </c>
      <c r="J91" s="749" t="s">
        <v>538</v>
      </c>
      <c r="K91" s="735" t="s">
        <v>639</v>
      </c>
      <c r="L91" s="736"/>
    </row>
    <row r="92" spans="1:13" ht="27" customHeight="1" x14ac:dyDescent="0.15">
      <c r="A92" s="752"/>
      <c r="B92" s="67" t="s">
        <v>111</v>
      </c>
      <c r="C92" s="67" t="s">
        <v>112</v>
      </c>
      <c r="D92" s="657" t="s">
        <v>433</v>
      </c>
      <c r="E92" s="657" t="s">
        <v>434</v>
      </c>
      <c r="F92" s="794"/>
      <c r="G92" s="657" t="s">
        <v>433</v>
      </c>
      <c r="H92" s="658" t="s">
        <v>434</v>
      </c>
      <c r="I92" s="794"/>
      <c r="J92" s="750"/>
      <c r="K92" s="737"/>
      <c r="L92" s="738"/>
    </row>
    <row r="93" spans="1:13" ht="10.5" x14ac:dyDescent="0.2">
      <c r="A93" s="752"/>
      <c r="B93" s="67"/>
      <c r="C93" s="67"/>
      <c r="D93" s="69" t="s">
        <v>121</v>
      </c>
      <c r="E93" s="69" t="s">
        <v>121</v>
      </c>
      <c r="F93" s="794"/>
      <c r="G93" s="69" t="s">
        <v>121</v>
      </c>
      <c r="H93" s="69" t="s">
        <v>121</v>
      </c>
      <c r="I93" s="794"/>
      <c r="J93" s="750"/>
      <c r="K93" s="737"/>
      <c r="L93" s="738"/>
    </row>
    <row r="94" spans="1:13" s="554" customFormat="1" ht="12" customHeight="1" x14ac:dyDescent="0.2">
      <c r="A94" s="753"/>
      <c r="B94" s="551" t="s">
        <v>162</v>
      </c>
      <c r="C94" s="551" t="s">
        <v>163</v>
      </c>
      <c r="D94" s="553"/>
      <c r="E94" s="551" t="s">
        <v>233</v>
      </c>
      <c r="F94" s="552" t="s">
        <v>542</v>
      </c>
      <c r="G94" s="553"/>
      <c r="H94" s="551" t="s">
        <v>165</v>
      </c>
      <c r="I94" s="551" t="s">
        <v>543</v>
      </c>
      <c r="J94" s="551" t="s">
        <v>350</v>
      </c>
      <c r="K94" s="739"/>
      <c r="L94" s="740"/>
    </row>
    <row r="95" spans="1:13" s="51" customFormat="1" ht="10.5" x14ac:dyDescent="0.2">
      <c r="A95" s="170" t="s">
        <v>362</v>
      </c>
      <c r="B95" s="701">
        <v>12125839700</v>
      </c>
      <c r="C95" s="344">
        <v>12545374363.130001</v>
      </c>
      <c r="D95" s="344">
        <v>4027338603.5200005</v>
      </c>
      <c r="E95" s="344">
        <v>8601653834.9900017</v>
      </c>
      <c r="F95" s="344">
        <v>3943720528.1399994</v>
      </c>
      <c r="G95" s="344">
        <v>2031523976.3799999</v>
      </c>
      <c r="H95" s="344">
        <v>5592025664.0500002</v>
      </c>
      <c r="I95" s="344">
        <v>6953348699.0800009</v>
      </c>
      <c r="J95" s="344">
        <v>5094168879.0900002</v>
      </c>
      <c r="K95" s="741">
        <v>0</v>
      </c>
      <c r="L95" s="742"/>
    </row>
    <row r="96" spans="1:13" s="51" customFormat="1" ht="10.5" x14ac:dyDescent="0.2">
      <c r="A96" s="71" t="s">
        <v>86</v>
      </c>
      <c r="B96" s="701">
        <v>10009392800</v>
      </c>
      <c r="C96" s="344">
        <v>10548900707.130001</v>
      </c>
      <c r="D96" s="344">
        <v>3505707608.1400003</v>
      </c>
      <c r="E96" s="344">
        <v>7499023714.7800007</v>
      </c>
      <c r="F96" s="344">
        <v>3049876992.3500004</v>
      </c>
      <c r="G96" s="344">
        <v>1857012940.04</v>
      </c>
      <c r="H96" s="344">
        <v>5017986401.25</v>
      </c>
      <c r="I96" s="344">
        <v>5530914305.8800001</v>
      </c>
      <c r="J96" s="344">
        <v>4533703437.5900002</v>
      </c>
      <c r="K96" s="747">
        <v>0</v>
      </c>
      <c r="L96" s="748"/>
    </row>
    <row r="97" spans="1:12" s="51" customFormat="1" ht="10.5" x14ac:dyDescent="0.2">
      <c r="A97" s="71" t="s">
        <v>87</v>
      </c>
      <c r="B97" s="337">
        <v>5134540600</v>
      </c>
      <c r="C97" s="337">
        <v>5541521482.8100004</v>
      </c>
      <c r="D97" s="337">
        <v>1548629565.3</v>
      </c>
      <c r="E97" s="337">
        <v>3860919877.4400001</v>
      </c>
      <c r="F97" s="337">
        <v>1680601605.3700004</v>
      </c>
      <c r="G97" s="337">
        <v>1141466899.99</v>
      </c>
      <c r="H97" s="337">
        <v>2952674350.6599998</v>
      </c>
      <c r="I97" s="337">
        <v>2588847132.1500006</v>
      </c>
      <c r="J97" s="337">
        <v>2560310518.8099999</v>
      </c>
      <c r="K97" s="731">
        <v>0</v>
      </c>
      <c r="L97" s="732"/>
    </row>
    <row r="98" spans="1:12" ht="10.5" x14ac:dyDescent="0.2">
      <c r="A98" s="71" t="s">
        <v>88</v>
      </c>
      <c r="B98" s="337">
        <v>267800700</v>
      </c>
      <c r="C98" s="337">
        <v>266737700</v>
      </c>
      <c r="D98" s="337">
        <v>171288900</v>
      </c>
      <c r="E98" s="337">
        <v>260835700</v>
      </c>
      <c r="F98" s="337">
        <v>5902000</v>
      </c>
      <c r="G98" s="337">
        <v>34271082.68</v>
      </c>
      <c r="H98" s="337">
        <v>122223913.26000001</v>
      </c>
      <c r="I98" s="337">
        <v>144513786.74000001</v>
      </c>
      <c r="J98" s="337">
        <v>122223913.26000001</v>
      </c>
      <c r="K98" s="731">
        <v>0</v>
      </c>
      <c r="L98" s="732"/>
    </row>
    <row r="99" spans="1:12" ht="10.5" x14ac:dyDescent="0.2">
      <c r="A99" s="71" t="s">
        <v>89</v>
      </c>
      <c r="B99" s="436">
        <v>4607051500</v>
      </c>
      <c r="C99" s="337">
        <v>4740641524.3199997</v>
      </c>
      <c r="D99" s="337">
        <v>1785789142.8400002</v>
      </c>
      <c r="E99" s="337">
        <v>3377268137.3400002</v>
      </c>
      <c r="F99" s="337">
        <v>1363373386.98</v>
      </c>
      <c r="G99" s="337">
        <v>681274957.37</v>
      </c>
      <c r="H99" s="337">
        <v>1943088137.3299999</v>
      </c>
      <c r="I99" s="337">
        <v>2797553386.9899998</v>
      </c>
      <c r="J99" s="337">
        <v>1851169005.52</v>
      </c>
      <c r="K99" s="731">
        <v>0</v>
      </c>
      <c r="L99" s="732"/>
    </row>
    <row r="100" spans="1:12" ht="10.5" x14ac:dyDescent="0.2">
      <c r="A100" s="72" t="s">
        <v>738</v>
      </c>
      <c r="B100" s="337">
        <v>2079676200</v>
      </c>
      <c r="C100" s="337">
        <v>2050991981.5699999</v>
      </c>
      <c r="D100" s="337">
        <v>1215925131.9000001</v>
      </c>
      <c r="E100" s="337">
        <v>1958993200</v>
      </c>
      <c r="F100" s="337">
        <v>91998781.569999933</v>
      </c>
      <c r="G100" s="337">
        <v>322201978.94999999</v>
      </c>
      <c r="H100" s="337">
        <v>1054558922.08</v>
      </c>
      <c r="I100" s="337">
        <v>996433059.48999989</v>
      </c>
      <c r="J100" s="337">
        <v>1029153084.7</v>
      </c>
      <c r="K100" s="731">
        <v>0</v>
      </c>
      <c r="L100" s="732"/>
    </row>
    <row r="101" spans="1:12" ht="10.5" x14ac:dyDescent="0.2">
      <c r="A101" s="72" t="s">
        <v>739</v>
      </c>
      <c r="B101" s="337">
        <v>2527375300</v>
      </c>
      <c r="C101" s="337">
        <v>2689649542.75</v>
      </c>
      <c r="D101" s="337">
        <v>569864010.94000006</v>
      </c>
      <c r="E101" s="337">
        <v>1418274937.3399999</v>
      </c>
      <c r="F101" s="337">
        <v>1271374605.4100001</v>
      </c>
      <c r="G101" s="337">
        <v>359072978.42000002</v>
      </c>
      <c r="H101" s="337">
        <v>888529215.25</v>
      </c>
      <c r="I101" s="337">
        <v>1801120327.5</v>
      </c>
      <c r="J101" s="337">
        <v>822015920.82000005</v>
      </c>
      <c r="K101" s="731">
        <v>0</v>
      </c>
      <c r="L101" s="732"/>
    </row>
    <row r="102" spans="1:12" s="51" customFormat="1" ht="10.5" x14ac:dyDescent="0.2">
      <c r="A102" s="71" t="s">
        <v>90</v>
      </c>
      <c r="B102" s="701">
        <v>1999571700</v>
      </c>
      <c r="C102" s="344">
        <v>1917558656</v>
      </c>
      <c r="D102" s="344">
        <v>521630995.38</v>
      </c>
      <c r="E102" s="344">
        <v>1102630120.21</v>
      </c>
      <c r="F102" s="344">
        <v>814928535.78999996</v>
      </c>
      <c r="G102" s="344">
        <v>174511036.34</v>
      </c>
      <c r="H102" s="344">
        <v>574039262.80000007</v>
      </c>
      <c r="I102" s="344">
        <v>1343519393.1999998</v>
      </c>
      <c r="J102" s="344">
        <v>560465441.5</v>
      </c>
      <c r="K102" s="747">
        <v>0</v>
      </c>
      <c r="L102" s="748"/>
    </row>
    <row r="103" spans="1:12" ht="10.5" x14ac:dyDescent="0.2">
      <c r="A103" s="65" t="s">
        <v>91</v>
      </c>
      <c r="B103" s="337">
        <v>1222433500</v>
      </c>
      <c r="C103" s="337">
        <v>1254341582</v>
      </c>
      <c r="D103" s="337">
        <v>143895299.72999999</v>
      </c>
      <c r="E103" s="337">
        <v>444526119.80000001</v>
      </c>
      <c r="F103" s="337">
        <v>809815462.20000005</v>
      </c>
      <c r="G103" s="337">
        <v>92055673.329999998</v>
      </c>
      <c r="H103" s="337">
        <v>213321736.59</v>
      </c>
      <c r="I103" s="337">
        <v>1041019845.41</v>
      </c>
      <c r="J103" s="337">
        <v>199747915.28999999</v>
      </c>
      <c r="K103" s="731">
        <v>0</v>
      </c>
      <c r="L103" s="732"/>
    </row>
    <row r="104" spans="1:12" ht="10.5" x14ac:dyDescent="0.2">
      <c r="A104" s="65" t="s">
        <v>92</v>
      </c>
      <c r="B104" s="337">
        <v>13788800</v>
      </c>
      <c r="C104" s="337">
        <v>2690974</v>
      </c>
      <c r="D104" s="337">
        <v>145545</v>
      </c>
      <c r="E104" s="337">
        <v>501849.76</v>
      </c>
      <c r="F104" s="337">
        <v>2189124.2400000002</v>
      </c>
      <c r="G104" s="337">
        <v>95129.73</v>
      </c>
      <c r="H104" s="337">
        <v>353376.49</v>
      </c>
      <c r="I104" s="337">
        <v>2337597.5099999998</v>
      </c>
      <c r="J104" s="337">
        <v>353376.49</v>
      </c>
      <c r="K104" s="731">
        <v>0</v>
      </c>
      <c r="L104" s="732"/>
    </row>
    <row r="105" spans="1:12" ht="10.5" x14ac:dyDescent="0.2">
      <c r="A105" s="65" t="s">
        <v>93</v>
      </c>
      <c r="B105" s="337">
        <v>763349400</v>
      </c>
      <c r="C105" s="337">
        <v>660526100</v>
      </c>
      <c r="D105" s="337">
        <v>377590150.64999998</v>
      </c>
      <c r="E105" s="337">
        <v>657602150.64999998</v>
      </c>
      <c r="F105" s="337">
        <v>2923949.3500000238</v>
      </c>
      <c r="G105" s="337">
        <v>82360233.280000001</v>
      </c>
      <c r="H105" s="337">
        <v>360364149.72000003</v>
      </c>
      <c r="I105" s="337">
        <v>300161950.27999997</v>
      </c>
      <c r="J105" s="337">
        <v>360364149.72000003</v>
      </c>
      <c r="K105" s="731">
        <v>0</v>
      </c>
      <c r="L105" s="732"/>
    </row>
    <row r="106" spans="1:12" ht="10.5" x14ac:dyDescent="0.2">
      <c r="A106" s="65" t="s">
        <v>94</v>
      </c>
      <c r="B106" s="338">
        <v>87915000</v>
      </c>
      <c r="C106" s="669">
        <v>78915000</v>
      </c>
      <c r="D106" s="337">
        <v>0</v>
      </c>
      <c r="E106" s="337">
        <v>0</v>
      </c>
      <c r="F106" s="337">
        <v>78915000</v>
      </c>
      <c r="G106" s="337">
        <v>0</v>
      </c>
      <c r="H106" s="337">
        <v>0</v>
      </c>
      <c r="I106" s="337">
        <v>78915000</v>
      </c>
      <c r="J106" s="337">
        <v>0</v>
      </c>
      <c r="K106" s="731">
        <v>0</v>
      </c>
      <c r="L106" s="732"/>
    </row>
    <row r="107" spans="1:12" ht="10.5" x14ac:dyDescent="0.2">
      <c r="A107" s="65" t="s">
        <v>95</v>
      </c>
      <c r="B107" s="338">
        <v>28960200</v>
      </c>
      <c r="C107" s="337">
        <v>0</v>
      </c>
      <c r="D107" s="337">
        <v>0</v>
      </c>
      <c r="E107" s="337">
        <v>0</v>
      </c>
      <c r="F107" s="337">
        <v>0</v>
      </c>
      <c r="G107" s="337">
        <v>0</v>
      </c>
      <c r="H107" s="337">
        <v>0</v>
      </c>
      <c r="I107" s="337">
        <v>0</v>
      </c>
      <c r="J107" s="337">
        <v>0</v>
      </c>
      <c r="K107" s="731">
        <v>0</v>
      </c>
      <c r="L107" s="732"/>
    </row>
    <row r="108" spans="1:12" s="51" customFormat="1" ht="10.5" x14ac:dyDescent="0.2">
      <c r="A108" s="71" t="s">
        <v>96</v>
      </c>
      <c r="B108" s="354">
        <v>931270300</v>
      </c>
      <c r="C108" s="354">
        <v>1105784075.8700001</v>
      </c>
      <c r="D108" s="354">
        <v>315211601.90999997</v>
      </c>
      <c r="E108" s="354">
        <v>899510935.54000008</v>
      </c>
      <c r="F108" s="354">
        <v>206273140.33000004</v>
      </c>
      <c r="G108" s="354">
        <v>250887602.31999999</v>
      </c>
      <c r="H108" s="354">
        <v>734375187</v>
      </c>
      <c r="I108" s="354">
        <v>371408888.87000012</v>
      </c>
      <c r="J108" s="354">
        <v>649550074.13</v>
      </c>
      <c r="K108" s="791">
        <v>0</v>
      </c>
      <c r="L108" s="792"/>
    </row>
    <row r="109" spans="1:12" s="51" customFormat="1" ht="10.5" x14ac:dyDescent="0.2">
      <c r="A109" s="133" t="s">
        <v>97</v>
      </c>
      <c r="B109" s="691">
        <v>13057110000</v>
      </c>
      <c r="C109" s="691">
        <v>13651158439.000002</v>
      </c>
      <c r="D109" s="691">
        <v>4342550205.4300003</v>
      </c>
      <c r="E109" s="691">
        <v>9501164770.5300026</v>
      </c>
      <c r="F109" s="691">
        <v>4149993668.4699993</v>
      </c>
      <c r="G109" s="691">
        <v>2282411578.6999998</v>
      </c>
      <c r="H109" s="691">
        <v>6326400851.0500002</v>
      </c>
      <c r="I109" s="691">
        <v>7324757587.9500008</v>
      </c>
      <c r="J109" s="691">
        <v>5743718953.2200003</v>
      </c>
      <c r="K109" s="754">
        <v>0</v>
      </c>
      <c r="L109" s="755"/>
    </row>
    <row r="110" spans="1:12" ht="10.5" x14ac:dyDescent="0.2">
      <c r="A110" s="340" t="s">
        <v>363</v>
      </c>
      <c r="B110" s="341">
        <v>0</v>
      </c>
      <c r="C110" s="341">
        <v>0</v>
      </c>
      <c r="D110" s="341">
        <v>0</v>
      </c>
      <c r="E110" s="341">
        <v>0</v>
      </c>
      <c r="F110" s="341">
        <v>0</v>
      </c>
      <c r="G110" s="341">
        <v>0</v>
      </c>
      <c r="H110" s="341">
        <v>0</v>
      </c>
      <c r="I110" s="341">
        <v>0</v>
      </c>
      <c r="J110" s="341">
        <v>0</v>
      </c>
      <c r="K110" s="754">
        <v>0</v>
      </c>
      <c r="L110" s="755"/>
    </row>
    <row r="111" spans="1:12" s="51" customFormat="1" ht="10.5" customHeight="1" x14ac:dyDescent="0.2">
      <c r="A111" s="165" t="s">
        <v>3</v>
      </c>
      <c r="B111" s="689">
        <v>0</v>
      </c>
      <c r="C111" s="689">
        <v>0</v>
      </c>
      <c r="D111" s="689">
        <v>0</v>
      </c>
      <c r="E111" s="689">
        <v>0</v>
      </c>
      <c r="F111" s="689">
        <v>0</v>
      </c>
      <c r="G111" s="689">
        <v>0</v>
      </c>
      <c r="H111" s="689">
        <v>0</v>
      </c>
      <c r="I111" s="689">
        <v>0</v>
      </c>
      <c r="J111" s="689">
        <v>0</v>
      </c>
      <c r="K111" s="741">
        <v>0</v>
      </c>
      <c r="L111" s="742"/>
    </row>
    <row r="112" spans="1:12" ht="10.5" customHeight="1" x14ac:dyDescent="0.2">
      <c r="A112" s="32" t="s">
        <v>1</v>
      </c>
      <c r="B112" s="338"/>
      <c r="C112" s="338"/>
      <c r="D112" s="337"/>
      <c r="E112" s="338"/>
      <c r="F112" s="337"/>
      <c r="G112" s="687"/>
      <c r="H112" s="687"/>
      <c r="I112" s="687"/>
      <c r="J112" s="337"/>
      <c r="K112" s="731"/>
      <c r="L112" s="732"/>
    </row>
    <row r="113" spans="1:12" ht="10.5" customHeight="1" x14ac:dyDescent="0.2">
      <c r="A113" s="32" t="s">
        <v>2</v>
      </c>
      <c r="B113" s="338"/>
      <c r="C113" s="338"/>
      <c r="D113" s="337"/>
      <c r="E113" s="338"/>
      <c r="F113" s="337"/>
      <c r="G113" s="687"/>
      <c r="H113" s="687"/>
      <c r="I113" s="687"/>
      <c r="J113" s="337"/>
      <c r="K113" s="731"/>
      <c r="L113" s="732"/>
    </row>
    <row r="114" spans="1:12" s="51" customFormat="1" ht="10.5" customHeight="1" x14ac:dyDescent="0.2">
      <c r="A114" s="165" t="s">
        <v>4</v>
      </c>
      <c r="B114" s="689">
        <v>0</v>
      </c>
      <c r="C114" s="689">
        <v>0</v>
      </c>
      <c r="D114" s="689">
        <v>0</v>
      </c>
      <c r="E114" s="689">
        <v>0</v>
      </c>
      <c r="F114" s="689">
        <v>0</v>
      </c>
      <c r="G114" s="689">
        <v>0</v>
      </c>
      <c r="H114" s="689">
        <v>0</v>
      </c>
      <c r="I114" s="689">
        <v>0</v>
      </c>
      <c r="J114" s="689">
        <v>0</v>
      </c>
      <c r="K114" s="747">
        <v>0</v>
      </c>
      <c r="L114" s="748"/>
    </row>
    <row r="115" spans="1:12" ht="10.5" customHeight="1" x14ac:dyDescent="0.2">
      <c r="A115" s="32" t="s">
        <v>1</v>
      </c>
      <c r="B115" s="338"/>
      <c r="C115" s="338"/>
      <c r="D115" s="337"/>
      <c r="E115" s="338"/>
      <c r="F115" s="337"/>
      <c r="G115" s="687"/>
      <c r="H115" s="687"/>
      <c r="I115" s="687"/>
      <c r="J115" s="337"/>
      <c r="K115" s="731"/>
      <c r="L115" s="732"/>
    </row>
    <row r="116" spans="1:12" ht="10.5" customHeight="1" x14ac:dyDescent="0.2">
      <c r="A116" s="33" t="s">
        <v>2</v>
      </c>
      <c r="B116" s="345"/>
      <c r="C116" s="345"/>
      <c r="D116" s="343"/>
      <c r="E116" s="345"/>
      <c r="F116" s="343"/>
      <c r="G116" s="692"/>
      <c r="H116" s="692"/>
      <c r="I116" s="692"/>
      <c r="J116" s="343"/>
      <c r="K116" s="760"/>
      <c r="L116" s="761"/>
    </row>
    <row r="117" spans="1:12" ht="10.5" x14ac:dyDescent="0.2">
      <c r="A117" s="169" t="s">
        <v>98</v>
      </c>
      <c r="B117" s="411">
        <v>13057110000</v>
      </c>
      <c r="C117" s="411">
        <v>13651158439.000002</v>
      </c>
      <c r="D117" s="411">
        <v>4342550205.4300003</v>
      </c>
      <c r="E117" s="411">
        <v>9501164770.5300026</v>
      </c>
      <c r="F117" s="411">
        <v>4149993668.4699993</v>
      </c>
      <c r="G117" s="411">
        <v>2282411578.6999998</v>
      </c>
      <c r="H117" s="411">
        <v>6326400851.0500002</v>
      </c>
      <c r="I117" s="411">
        <v>7324757587.9500008</v>
      </c>
      <c r="J117" s="411">
        <v>5743718953.2200003</v>
      </c>
      <c r="K117" s="759">
        <v>0</v>
      </c>
      <c r="L117" s="756"/>
    </row>
    <row r="118" spans="1:12" ht="10.5" x14ac:dyDescent="0.2">
      <c r="A118" s="169" t="s">
        <v>99</v>
      </c>
      <c r="B118" s="691"/>
      <c r="C118" s="691"/>
      <c r="D118" s="691"/>
      <c r="E118" s="691"/>
      <c r="F118" s="691"/>
      <c r="G118" s="691"/>
      <c r="H118" s="693">
        <v>0</v>
      </c>
      <c r="I118" s="680"/>
      <c r="J118" s="681"/>
      <c r="K118" s="756"/>
      <c r="L118" s="756"/>
    </row>
    <row r="119" spans="1:12" ht="15" customHeight="1" x14ac:dyDescent="0.2">
      <c r="A119" s="70" t="s">
        <v>100</v>
      </c>
      <c r="B119" s="412">
        <v>13057110000</v>
      </c>
      <c r="C119" s="412">
        <v>13651158439.000002</v>
      </c>
      <c r="D119" s="412">
        <v>4342550205.4300003</v>
      </c>
      <c r="E119" s="412">
        <v>9501164770.5300026</v>
      </c>
      <c r="F119" s="690">
        <v>4149993668.4699993</v>
      </c>
      <c r="G119" s="690">
        <v>2282411578.6999998</v>
      </c>
      <c r="H119" s="700">
        <v>6326400851.0500002</v>
      </c>
      <c r="I119" s="690">
        <v>7324757587.9500008</v>
      </c>
      <c r="J119" s="690">
        <v>5743718953.2200003</v>
      </c>
      <c r="K119" s="757">
        <v>0</v>
      </c>
      <c r="L119" s="758"/>
    </row>
    <row r="120" spans="1:12" ht="11.25" customHeight="1" x14ac:dyDescent="0.2">
      <c r="A120" s="52" t="s">
        <v>863</v>
      </c>
      <c r="K120" s="746"/>
      <c r="L120" s="746"/>
    </row>
    <row r="121" spans="1:12" ht="11.25" customHeight="1" x14ac:dyDescent="0.2">
      <c r="D121" s="225"/>
    </row>
    <row r="122" spans="1:12" ht="11.25" customHeight="1" x14ac:dyDescent="0.2">
      <c r="B122" s="225"/>
      <c r="C122" s="225"/>
      <c r="D122" s="225"/>
      <c r="G122" s="225"/>
    </row>
    <row r="123" spans="1:12" ht="11.25" customHeight="1" x14ac:dyDescent="0.2">
      <c r="C123" s="225"/>
      <c r="D123" s="225"/>
      <c r="E123" s="225"/>
      <c r="G123" s="225"/>
      <c r="H123" s="225"/>
    </row>
    <row r="124" spans="1:12" ht="11.25" customHeight="1" x14ac:dyDescent="0.2">
      <c r="B124" s="225"/>
      <c r="D124" s="225"/>
    </row>
    <row r="125" spans="1:12" ht="11.25" customHeight="1" x14ac:dyDescent="0.2">
      <c r="B125" s="225"/>
      <c r="D125" s="225"/>
      <c r="E125" s="225"/>
    </row>
    <row r="126" spans="1:12" ht="11.25" customHeight="1" x14ac:dyDescent="0.2">
      <c r="B126" s="225"/>
      <c r="D126" s="225"/>
    </row>
    <row r="127" spans="1:12" ht="11.25" customHeight="1" x14ac:dyDescent="0.2">
      <c r="D127" s="225"/>
    </row>
  </sheetData>
  <dataConsolidate/>
  <customSheetViews>
    <customSheetView guid="{82EDB5A4-4824-4632-A540-7A52C92F04C7}" scale="85" showPageBreaks="1" showGridLines="0" fitToPage="1" printArea="1">
      <selection activeCell="F16" sqref="F16:G16"/>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1"/>
      <headerFooter alignWithMargins="0"/>
    </customSheetView>
    <customSheetView guid="{3AAF6A5F-F9AA-430B-9AD9-1261ECDF41B5}" scale="90" showPageBreaks="1" showGridLines="0" fitToPage="1" printArea="1" hiddenRows="1" topLeftCell="C73">
      <selection activeCell="J107" sqref="J107"/>
      <rowBreaks count="1" manualBreakCount="1">
        <brk id="97" max="11" man="1"/>
      </rowBreaks>
      <pageMargins left="0.19685039370078741" right="0.19685039370078741" top="0.19685039370078741" bottom="0.19685039370078741" header="0" footer="0.19685039370078741"/>
      <printOptions horizontalCentered="1"/>
      <pageSetup paperSize="9" scale="36" orientation="portrait" r:id="rId2"/>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3"/>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4"/>
      <headerFooter alignWithMargins="0"/>
    </customSheetView>
    <customSheetView guid="{6DBFA32C-4AA4-4E1D-9A48-697377C64CC3}" showPageBreaks="1" showGridLines="0" fitToPage="1" printArea="1">
      <selection activeCell="A7" sqref="A7:L7"/>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5"/>
      <headerFooter alignWithMargins="0"/>
    </customSheetView>
    <customSheetView guid="{25EF1E0D-169B-4051-B414-7E1196FC05E4}" showPageBreaks="1" showGridLines="0" fitToPage="1" printArea="1" topLeftCell="B77">
      <selection activeCell="C98" sqref="C98"/>
      <rowBreaks count="1" manualBreakCount="1">
        <brk id="97" max="16383" man="1"/>
      </rowBreaks>
      <pageMargins left="0.19685039370078741" right="0.19685039370078741" top="0.19685039370078741" bottom="0.19685039370078741" header="0" footer="0"/>
      <printOptions horizontalCentered="1"/>
      <pageSetup paperSize="9" scale="36" orientation="portrait" r:id="rId6"/>
      <headerFooter alignWithMargins="0"/>
    </customSheetView>
    <customSheetView guid="{C779D862-DE28-46CD-A428-4AAA1056D1E1}" showPageBreaks="1" showGridLines="0" fitToPage="1" printArea="1">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7"/>
      <headerFooter alignWithMargins="0"/>
    </customSheetView>
  </customSheetViews>
  <mergeCells count="327">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B17:C17"/>
    <mergeCell ref="D17:E17"/>
    <mergeCell ref="F17:G17"/>
    <mergeCell ref="I17:J17"/>
    <mergeCell ref="I18:J18"/>
    <mergeCell ref="B18:C18"/>
    <mergeCell ref="D18:E18"/>
    <mergeCell ref="F18:G18"/>
    <mergeCell ref="B16:C16"/>
    <mergeCell ref="D16:E16"/>
    <mergeCell ref="F16:G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B85:C85"/>
    <mergeCell ref="I85:J85"/>
    <mergeCell ref="B86:C86"/>
    <mergeCell ref="K98:L98"/>
    <mergeCell ref="K99:L99"/>
    <mergeCell ref="K100:L100"/>
    <mergeCell ref="K101:L101"/>
    <mergeCell ref="G91:H91"/>
    <mergeCell ref="K91:L94"/>
    <mergeCell ref="K95:L95"/>
    <mergeCell ref="K97:L97"/>
    <mergeCell ref="D91:E91"/>
    <mergeCell ref="F86:G86"/>
  </mergeCells>
  <phoneticPr fontId="1" type="noConversion"/>
  <printOptions horizontalCentered="1"/>
  <pageMargins left="0.19685039370078741" right="0.19685039370078741" top="0.59055118110236227" bottom="0.19685039370078741" header="0" footer="0"/>
  <pageSetup paperSize="9" scale="37" fitToHeight="2"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pageSetUpPr fitToPage="1"/>
  </sheetPr>
  <dimension ref="A1:M104"/>
  <sheetViews>
    <sheetView showGridLines="0" zoomScaleNormal="100" workbookViewId="0"/>
  </sheetViews>
  <sheetFormatPr defaultColWidth="3.28515625" defaultRowHeight="11.25" customHeight="1" x14ac:dyDescent="0.2"/>
  <cols>
    <col min="1" max="1" width="56.7109375" style="52" customWidth="1"/>
    <col min="2" max="3" width="19.140625" style="52" customWidth="1"/>
    <col min="4" max="4" width="20.140625" style="52" customWidth="1"/>
    <col min="5" max="5" width="16" style="52" bestFit="1" customWidth="1"/>
    <col min="6" max="6" width="16.85546875" style="52" bestFit="1" customWidth="1"/>
    <col min="7" max="7" width="18.140625" style="52" bestFit="1" customWidth="1"/>
    <col min="8" max="8" width="14.28515625" style="1" bestFit="1" customWidth="1"/>
    <col min="9" max="9" width="8" style="1" bestFit="1" customWidth="1"/>
    <col min="10" max="10" width="3.28515625" style="1"/>
    <col min="11" max="11" width="22.5703125" style="1" customWidth="1"/>
    <col min="12" max="12" width="13.5703125" style="1" customWidth="1"/>
    <col min="13" max="16384" width="3.28515625" style="1"/>
  </cols>
  <sheetData>
    <row r="1" spans="1:7" s="29" customFormat="1" ht="14.25" x14ac:dyDescent="0.2">
      <c r="A1" s="438"/>
      <c r="B1" s="438"/>
      <c r="C1" s="438"/>
      <c r="D1" s="438"/>
      <c r="E1" s="438"/>
      <c r="F1" s="438"/>
      <c r="G1" s="438"/>
    </row>
    <row r="2" spans="1:7" s="29" customFormat="1" ht="14.25" x14ac:dyDescent="0.2">
      <c r="A2" s="438"/>
      <c r="B2" s="438"/>
      <c r="C2" s="438"/>
      <c r="D2" s="438"/>
      <c r="E2" s="438"/>
      <c r="F2" s="438"/>
      <c r="G2" s="438"/>
    </row>
    <row r="3" spans="1:7" s="52" customFormat="1" ht="10.5" x14ac:dyDescent="0.2">
      <c r="A3" s="762" t="s">
        <v>641</v>
      </c>
      <c r="B3" s="762"/>
      <c r="C3" s="762"/>
      <c r="D3" s="762"/>
      <c r="E3" s="762"/>
      <c r="F3" s="762"/>
      <c r="G3" s="762"/>
    </row>
    <row r="4" spans="1:7" s="52" customFormat="1" ht="10.5" x14ac:dyDescent="0.2">
      <c r="A4" s="762" t="s">
        <v>105</v>
      </c>
      <c r="B4" s="762"/>
      <c r="C4" s="762"/>
      <c r="D4" s="762"/>
      <c r="E4" s="762"/>
      <c r="F4" s="762"/>
      <c r="G4" s="762"/>
    </row>
    <row r="5" spans="1:7" s="52" customFormat="1" ht="10.5" x14ac:dyDescent="0.2">
      <c r="A5" s="762" t="s">
        <v>211</v>
      </c>
      <c r="B5" s="762"/>
      <c r="C5" s="762"/>
      <c r="D5" s="762"/>
      <c r="E5" s="762"/>
      <c r="F5" s="762"/>
      <c r="G5" s="762"/>
    </row>
    <row r="6" spans="1:7" s="52" customFormat="1" ht="10.5" customHeight="1" x14ac:dyDescent="0.2">
      <c r="A6" s="762" t="s">
        <v>107</v>
      </c>
      <c r="B6" s="762"/>
      <c r="C6" s="762"/>
      <c r="D6" s="762"/>
      <c r="E6" s="762"/>
      <c r="F6" s="762"/>
      <c r="G6" s="762"/>
    </row>
    <row r="7" spans="1:7" s="52" customFormat="1" ht="10.5" customHeight="1" x14ac:dyDescent="0.2">
      <c r="A7" s="762" t="s">
        <v>874</v>
      </c>
      <c r="B7" s="762"/>
      <c r="C7" s="762"/>
      <c r="D7" s="762"/>
      <c r="E7" s="762"/>
      <c r="F7" s="762"/>
      <c r="G7" s="762"/>
    </row>
    <row r="8" spans="1:7" s="29" customFormat="1" ht="10.5" x14ac:dyDescent="0.2"/>
    <row r="9" spans="1:7" s="29" customFormat="1" ht="10.5" x14ac:dyDescent="0.2">
      <c r="A9" s="142" t="s">
        <v>368</v>
      </c>
      <c r="G9" s="253">
        <v>1</v>
      </c>
    </row>
    <row r="10" spans="1:7" ht="15" customHeight="1" x14ac:dyDescent="0.2">
      <c r="A10" s="822" t="s">
        <v>213</v>
      </c>
      <c r="B10" s="771" t="s">
        <v>314</v>
      </c>
      <c r="C10" s="772"/>
      <c r="D10" s="772"/>
      <c r="E10" s="772"/>
      <c r="F10" s="772"/>
      <c r="G10" s="772"/>
    </row>
    <row r="11" spans="1:7" ht="15" customHeight="1" x14ac:dyDescent="0.2">
      <c r="A11" s="825"/>
      <c r="B11" s="771" t="s">
        <v>212</v>
      </c>
      <c r="C11" s="923"/>
      <c r="D11" s="823" t="s">
        <v>431</v>
      </c>
      <c r="E11" s="823" t="s">
        <v>218</v>
      </c>
      <c r="F11" s="823" t="s">
        <v>217</v>
      </c>
      <c r="G11" s="924" t="s">
        <v>430</v>
      </c>
    </row>
    <row r="12" spans="1:7" ht="10.5" customHeight="1" x14ac:dyDescent="0.2">
      <c r="A12" s="825"/>
      <c r="B12" s="237" t="s">
        <v>313</v>
      </c>
      <c r="C12" s="234" t="s">
        <v>214</v>
      </c>
      <c r="D12" s="843"/>
      <c r="E12" s="843"/>
      <c r="F12" s="843"/>
      <c r="G12" s="925"/>
    </row>
    <row r="13" spans="1:7" ht="10.5" x14ac:dyDescent="0.2">
      <c r="A13" s="825"/>
      <c r="B13" s="234" t="s">
        <v>215</v>
      </c>
      <c r="C13" s="234" t="s">
        <v>216</v>
      </c>
      <c r="D13" s="843"/>
      <c r="E13" s="843"/>
      <c r="F13" s="843"/>
      <c r="G13" s="925" t="s">
        <v>116</v>
      </c>
    </row>
    <row r="14" spans="1:7" ht="13.5" customHeight="1" x14ac:dyDescent="0.2">
      <c r="A14" s="826"/>
      <c r="B14" s="232" t="s">
        <v>219</v>
      </c>
      <c r="C14" s="232">
        <v>2014</v>
      </c>
      <c r="D14" s="824"/>
      <c r="E14" s="824"/>
      <c r="F14" s="824"/>
      <c r="G14" s="926"/>
    </row>
    <row r="15" spans="1:7" s="75" customFormat="1" ht="15" customHeight="1" x14ac:dyDescent="0.2">
      <c r="A15" s="242" t="s">
        <v>101</v>
      </c>
      <c r="B15" s="415">
        <v>1188473.26</v>
      </c>
      <c r="C15" s="415">
        <v>111982821.17999999</v>
      </c>
      <c r="D15" s="415">
        <v>3644857.4600000056</v>
      </c>
      <c r="E15" s="415">
        <v>43123217.199999996</v>
      </c>
      <c r="F15" s="415">
        <v>37022624.340000004</v>
      </c>
      <c r="G15" s="420">
        <v>33025452.899999999</v>
      </c>
    </row>
    <row r="16" spans="1:7" ht="10.5" x14ac:dyDescent="0.2">
      <c r="A16" s="29"/>
      <c r="B16" s="416"/>
      <c r="C16" s="416"/>
      <c r="D16" s="416"/>
      <c r="E16" s="416"/>
      <c r="F16" s="410"/>
      <c r="G16" s="410"/>
    </row>
    <row r="17" spans="1:7" s="75" customFormat="1" ht="10.5" x14ac:dyDescent="0.2">
      <c r="A17" s="242" t="s">
        <v>770</v>
      </c>
      <c r="B17" s="415">
        <v>1188473.26</v>
      </c>
      <c r="C17" s="415">
        <v>97720106.319999993</v>
      </c>
      <c r="D17" s="473">
        <v>3611162.8300000052</v>
      </c>
      <c r="E17" s="684">
        <v>33162647.189999998</v>
      </c>
      <c r="F17" s="415">
        <v>35844614.600000001</v>
      </c>
      <c r="G17" s="417">
        <v>29901317.789999999</v>
      </c>
    </row>
    <row r="18" spans="1:7" ht="10.5" x14ac:dyDescent="0.2">
      <c r="A18" s="29"/>
      <c r="B18" s="416"/>
      <c r="C18" s="416"/>
      <c r="D18" s="416"/>
      <c r="E18" s="416"/>
      <c r="F18" s="410"/>
      <c r="G18" s="410"/>
    </row>
    <row r="19" spans="1:7" s="75" customFormat="1" ht="10.5" x14ac:dyDescent="0.2">
      <c r="A19" s="255" t="s">
        <v>771</v>
      </c>
      <c r="B19" s="415">
        <v>0</v>
      </c>
      <c r="C19" s="415">
        <v>0</v>
      </c>
      <c r="D19" s="415">
        <v>0</v>
      </c>
      <c r="E19" s="415">
        <v>0</v>
      </c>
      <c r="F19" s="415">
        <v>0</v>
      </c>
      <c r="G19" s="544">
        <v>0</v>
      </c>
    </row>
    <row r="20" spans="1:7" ht="10.5" x14ac:dyDescent="0.2">
      <c r="A20" s="143" t="s">
        <v>772</v>
      </c>
      <c r="B20" s="415"/>
      <c r="C20" s="670">
        <v>0</v>
      </c>
      <c r="D20" s="670">
        <v>0</v>
      </c>
      <c r="E20" s="670">
        <v>0</v>
      </c>
      <c r="F20" s="671">
        <v>0</v>
      </c>
      <c r="G20" s="544">
        <v>0</v>
      </c>
    </row>
    <row r="21" spans="1:7" ht="10.5" x14ac:dyDescent="0.2">
      <c r="A21" s="143" t="s">
        <v>773</v>
      </c>
      <c r="B21" s="415"/>
      <c r="C21" s="416">
        <v>0</v>
      </c>
      <c r="D21" s="416">
        <v>0</v>
      </c>
      <c r="E21" s="416">
        <v>0</v>
      </c>
      <c r="F21" s="410">
        <v>0</v>
      </c>
      <c r="G21" s="544">
        <v>0</v>
      </c>
    </row>
    <row r="22" spans="1:7" ht="10.5" x14ac:dyDescent="0.2">
      <c r="A22" s="143" t="s">
        <v>774</v>
      </c>
      <c r="B22" s="415"/>
      <c r="C22" s="416">
        <v>0</v>
      </c>
      <c r="D22" s="416">
        <v>0</v>
      </c>
      <c r="E22" s="416">
        <v>0</v>
      </c>
      <c r="F22" s="410">
        <v>0</v>
      </c>
      <c r="G22" s="544">
        <v>0</v>
      </c>
    </row>
    <row r="23" spans="1:7" ht="10.5" x14ac:dyDescent="0.2">
      <c r="A23" s="29"/>
      <c r="B23" s="415"/>
      <c r="C23" s="416"/>
      <c r="D23" s="416"/>
      <c r="E23" s="416"/>
      <c r="F23" s="410"/>
      <c r="G23" s="410"/>
    </row>
    <row r="24" spans="1:7" s="75" customFormat="1" ht="10.5" x14ac:dyDescent="0.2">
      <c r="A24" s="255" t="s">
        <v>775</v>
      </c>
      <c r="B24" s="415">
        <v>0</v>
      </c>
      <c r="C24" s="415">
        <v>8303103.4199999999</v>
      </c>
      <c r="D24" s="415">
        <v>13301.790000000112</v>
      </c>
      <c r="E24" s="415">
        <v>6605163.5300000003</v>
      </c>
      <c r="F24" s="415">
        <v>803238.68</v>
      </c>
      <c r="G24" s="417">
        <v>894701.20999999961</v>
      </c>
    </row>
    <row r="25" spans="1:7" ht="10.5" x14ac:dyDescent="0.2">
      <c r="A25" s="143" t="s">
        <v>776</v>
      </c>
      <c r="B25" s="415"/>
      <c r="C25" s="416">
        <v>0</v>
      </c>
      <c r="D25" s="416">
        <v>0</v>
      </c>
      <c r="E25" s="416">
        <v>0</v>
      </c>
      <c r="F25" s="410">
        <v>0</v>
      </c>
      <c r="G25" s="410">
        <v>0</v>
      </c>
    </row>
    <row r="26" spans="1:7" s="241" customFormat="1" ht="10.5" x14ac:dyDescent="0.2">
      <c r="A26" s="143" t="s">
        <v>777</v>
      </c>
      <c r="B26" s="415">
        <v>0</v>
      </c>
      <c r="C26" s="416">
        <v>8303103.4199999999</v>
      </c>
      <c r="D26" s="605">
        <v>13301.790000000112</v>
      </c>
      <c r="E26" s="416">
        <v>6605163.5300000003</v>
      </c>
      <c r="F26" s="410">
        <v>803238.68</v>
      </c>
      <c r="G26" s="410">
        <v>894701.20999999961</v>
      </c>
    </row>
    <row r="27" spans="1:7" s="241" customFormat="1" ht="10.5" x14ac:dyDescent="0.2">
      <c r="A27" s="29"/>
      <c r="B27" s="415"/>
      <c r="C27" s="416"/>
      <c r="D27" s="416"/>
      <c r="E27" s="416"/>
      <c r="F27" s="410"/>
      <c r="G27" s="410"/>
    </row>
    <row r="28" spans="1:7" s="75" customFormat="1" ht="10.5" x14ac:dyDescent="0.2">
      <c r="A28" s="255" t="s">
        <v>230</v>
      </c>
      <c r="B28" s="415">
        <v>0</v>
      </c>
      <c r="C28" s="415">
        <v>5959611.4399999995</v>
      </c>
      <c r="D28" s="415">
        <v>20392.840000000298</v>
      </c>
      <c r="E28" s="415">
        <v>3355406.48</v>
      </c>
      <c r="F28" s="415">
        <v>374771.06</v>
      </c>
      <c r="G28" s="417">
        <v>2229433.9000000004</v>
      </c>
    </row>
    <row r="29" spans="1:7" s="241" customFormat="1" ht="10.5" x14ac:dyDescent="0.2">
      <c r="A29" s="143" t="s">
        <v>778</v>
      </c>
      <c r="B29" s="415"/>
      <c r="C29" s="416">
        <v>4964530.92</v>
      </c>
      <c r="D29" s="416">
        <v>19622.820000000298</v>
      </c>
      <c r="E29" s="416">
        <v>3228148.53</v>
      </c>
      <c r="F29" s="410">
        <v>374728.41</v>
      </c>
      <c r="G29" s="410">
        <v>1361653.9800000002</v>
      </c>
    </row>
    <row r="30" spans="1:7" s="241" customFormat="1" ht="10.5" x14ac:dyDescent="0.2">
      <c r="A30" s="143" t="s">
        <v>779</v>
      </c>
      <c r="B30" s="415"/>
      <c r="C30" s="416">
        <v>995080.52</v>
      </c>
      <c r="D30" s="416">
        <v>770.02</v>
      </c>
      <c r="E30" s="416">
        <v>127257.95</v>
      </c>
      <c r="F30" s="410">
        <v>42.65</v>
      </c>
      <c r="G30" s="410">
        <v>867779.92</v>
      </c>
    </row>
    <row r="31" spans="1:7" s="241" customFormat="1" ht="10.5" x14ac:dyDescent="0.2">
      <c r="A31" s="29"/>
      <c r="B31" s="415"/>
      <c r="C31" s="416"/>
      <c r="D31" s="416"/>
      <c r="E31" s="416"/>
      <c r="F31" s="410"/>
      <c r="G31" s="544">
        <v>0</v>
      </c>
    </row>
    <row r="32" spans="1:7" s="75" customFormat="1" ht="10.5" x14ac:dyDescent="0.2">
      <c r="A32" s="255" t="s">
        <v>102</v>
      </c>
      <c r="B32" s="415">
        <v>0</v>
      </c>
      <c r="C32" s="415">
        <v>335264.88</v>
      </c>
      <c r="D32" s="415">
        <v>0</v>
      </c>
      <c r="E32" s="415">
        <v>0</v>
      </c>
      <c r="F32" s="415">
        <v>335264.88</v>
      </c>
      <c r="G32" s="510">
        <v>0</v>
      </c>
    </row>
    <row r="33" spans="1:13" s="241" customFormat="1" ht="10.5" x14ac:dyDescent="0.2">
      <c r="A33" s="255"/>
      <c r="B33" s="415"/>
      <c r="C33" s="416"/>
      <c r="D33" s="416"/>
      <c r="E33" s="416"/>
      <c r="F33" s="410"/>
      <c r="G33" s="544">
        <v>0</v>
      </c>
    </row>
    <row r="34" spans="1:13" s="75" customFormat="1" ht="10.5" x14ac:dyDescent="0.2">
      <c r="A34" s="255" t="s">
        <v>770</v>
      </c>
      <c r="B34" s="415">
        <v>0</v>
      </c>
      <c r="C34" s="415">
        <v>335264.88</v>
      </c>
      <c r="D34" s="415">
        <v>0</v>
      </c>
      <c r="E34" s="415">
        <v>0</v>
      </c>
      <c r="F34" s="417">
        <v>335264.88</v>
      </c>
      <c r="G34" s="510">
        <v>0</v>
      </c>
    </row>
    <row r="35" spans="1:13" s="241" customFormat="1" ht="10.5" x14ac:dyDescent="0.2">
      <c r="A35" s="255"/>
      <c r="B35" s="415"/>
      <c r="C35" s="416"/>
      <c r="D35" s="416"/>
      <c r="E35" s="416"/>
      <c r="F35" s="410"/>
      <c r="G35" s="410"/>
    </row>
    <row r="36" spans="1:13" s="75" customFormat="1" ht="10.5" x14ac:dyDescent="0.2">
      <c r="A36" s="255" t="s">
        <v>771</v>
      </c>
      <c r="B36" s="415">
        <v>0</v>
      </c>
      <c r="C36" s="415">
        <v>0</v>
      </c>
      <c r="D36" s="415">
        <v>0</v>
      </c>
      <c r="E36" s="415">
        <v>0</v>
      </c>
      <c r="F36" s="415">
        <v>0</v>
      </c>
      <c r="G36" s="544">
        <v>0</v>
      </c>
    </row>
    <row r="37" spans="1:13" s="241" customFormat="1" ht="10.5" x14ac:dyDescent="0.2">
      <c r="A37" s="143" t="s">
        <v>772</v>
      </c>
      <c r="B37" s="415"/>
      <c r="C37" s="416"/>
      <c r="D37" s="416"/>
      <c r="E37" s="416"/>
      <c r="F37" s="410"/>
      <c r="G37" s="544">
        <v>0</v>
      </c>
    </row>
    <row r="38" spans="1:13" s="241" customFormat="1" ht="10.5" x14ac:dyDescent="0.2">
      <c r="A38" s="143" t="s">
        <v>773</v>
      </c>
      <c r="B38" s="415"/>
      <c r="C38" s="416"/>
      <c r="D38" s="416"/>
      <c r="E38" s="416"/>
      <c r="F38" s="410"/>
      <c r="G38" s="544">
        <v>0</v>
      </c>
    </row>
    <row r="39" spans="1:13" s="241" customFormat="1" ht="10.5" x14ac:dyDescent="0.2">
      <c r="A39" s="143" t="s">
        <v>774</v>
      </c>
      <c r="B39" s="415"/>
      <c r="C39" s="416"/>
      <c r="D39" s="416"/>
      <c r="E39" s="416"/>
      <c r="F39" s="410"/>
      <c r="G39" s="544">
        <v>0</v>
      </c>
    </row>
    <row r="40" spans="1:13" s="241" customFormat="1" ht="10.5" x14ac:dyDescent="0.2">
      <c r="A40" s="143"/>
      <c r="B40" s="415"/>
      <c r="C40" s="416"/>
      <c r="D40" s="416"/>
      <c r="E40" s="416"/>
      <c r="F40" s="410"/>
      <c r="G40" s="544"/>
    </row>
    <row r="41" spans="1:13" s="75" customFormat="1" ht="10.5" x14ac:dyDescent="0.2">
      <c r="A41" s="255" t="s">
        <v>775</v>
      </c>
      <c r="B41" s="415">
        <v>0</v>
      </c>
      <c r="C41" s="415">
        <v>0</v>
      </c>
      <c r="D41" s="415">
        <v>0</v>
      </c>
      <c r="E41" s="415">
        <v>0</v>
      </c>
      <c r="F41" s="415">
        <v>0</v>
      </c>
      <c r="G41" s="544">
        <v>0</v>
      </c>
    </row>
    <row r="42" spans="1:13" s="241" customFormat="1" ht="10.5" x14ac:dyDescent="0.2">
      <c r="A42" s="143" t="s">
        <v>776</v>
      </c>
      <c r="B42" s="415"/>
      <c r="C42" s="416"/>
      <c r="D42" s="416"/>
      <c r="E42" s="416"/>
      <c r="F42" s="410"/>
      <c r="G42" s="544">
        <v>0</v>
      </c>
    </row>
    <row r="43" spans="1:13" s="241" customFormat="1" ht="10.5" x14ac:dyDescent="0.2">
      <c r="A43" s="143" t="s">
        <v>777</v>
      </c>
      <c r="B43" s="415"/>
      <c r="C43" s="416"/>
      <c r="D43" s="416"/>
      <c r="E43" s="416"/>
      <c r="F43" s="410"/>
      <c r="G43" s="544">
        <v>0</v>
      </c>
    </row>
    <row r="44" spans="1:13" s="241" customFormat="1" ht="10.5" x14ac:dyDescent="0.2">
      <c r="A44" s="143"/>
      <c r="B44" s="415"/>
      <c r="C44" s="416"/>
      <c r="D44" s="416"/>
      <c r="E44" s="416"/>
      <c r="F44" s="410"/>
      <c r="G44" s="544"/>
    </row>
    <row r="45" spans="1:13" s="75" customFormat="1" ht="10.5" x14ac:dyDescent="0.2">
      <c r="A45" s="255" t="s">
        <v>230</v>
      </c>
      <c r="B45" s="415">
        <v>0</v>
      </c>
      <c r="C45" s="415">
        <v>0</v>
      </c>
      <c r="D45" s="415">
        <v>0</v>
      </c>
      <c r="E45" s="415">
        <v>0</v>
      </c>
      <c r="F45" s="415">
        <v>0</v>
      </c>
      <c r="G45" s="544">
        <v>0</v>
      </c>
    </row>
    <row r="46" spans="1:13" s="241" customFormat="1" ht="10.5" x14ac:dyDescent="0.2">
      <c r="A46" s="143" t="s">
        <v>778</v>
      </c>
      <c r="B46" s="416"/>
      <c r="C46" s="416"/>
      <c r="D46" s="416"/>
      <c r="E46" s="416"/>
      <c r="F46" s="410"/>
      <c r="G46" s="544">
        <v>0</v>
      </c>
      <c r="H46" s="75"/>
      <c r="I46" s="75"/>
      <c r="J46" s="75"/>
      <c r="K46" s="75"/>
      <c r="L46" s="75"/>
      <c r="M46" s="75"/>
    </row>
    <row r="47" spans="1:13" ht="15" customHeight="1" x14ac:dyDescent="0.2">
      <c r="A47" s="143" t="s">
        <v>779</v>
      </c>
      <c r="B47" s="416"/>
      <c r="C47" s="416"/>
      <c r="D47" s="416"/>
      <c r="E47" s="416"/>
      <c r="F47" s="410"/>
      <c r="G47" s="544">
        <v>0</v>
      </c>
      <c r="H47" s="75"/>
      <c r="I47" s="75"/>
      <c r="J47" s="75"/>
      <c r="K47" s="75"/>
      <c r="L47" s="75"/>
      <c r="M47" s="75"/>
    </row>
    <row r="48" spans="1:13" ht="15" customHeight="1" x14ac:dyDescent="0.2">
      <c r="A48" s="30" t="s">
        <v>222</v>
      </c>
      <c r="B48" s="474">
        <v>1188473.26</v>
      </c>
      <c r="C48" s="474">
        <v>112318086.05999999</v>
      </c>
      <c r="D48" s="357">
        <v>3644857.4600000056</v>
      </c>
      <c r="E48" s="357">
        <v>43123217.199999996</v>
      </c>
      <c r="F48" s="357">
        <v>37357889.220000006</v>
      </c>
      <c r="G48" s="421">
        <v>33025452.899999999</v>
      </c>
      <c r="H48" s="75"/>
      <c r="I48" s="75"/>
      <c r="J48" s="75"/>
      <c r="K48" s="75"/>
      <c r="L48" s="75"/>
      <c r="M48" s="75"/>
    </row>
    <row r="49" spans="1:13" ht="10.5" x14ac:dyDescent="0.2">
      <c r="A49" s="74"/>
      <c r="B49" s="342"/>
      <c r="C49" s="1"/>
      <c r="D49" s="225"/>
      <c r="E49" s="225"/>
      <c r="F49" s="1"/>
      <c r="G49" s="127"/>
      <c r="H49" s="75"/>
      <c r="I49" s="75"/>
      <c r="J49" s="75"/>
      <c r="K49" s="75"/>
      <c r="L49" s="75"/>
      <c r="M49" s="75"/>
    </row>
    <row r="50" spans="1:13" ht="30" customHeight="1" x14ac:dyDescent="0.2">
      <c r="A50" s="822" t="s">
        <v>213</v>
      </c>
      <c r="B50" s="860" t="s">
        <v>537</v>
      </c>
      <c r="C50" s="858"/>
      <c r="D50" s="858"/>
      <c r="E50" s="858"/>
      <c r="F50" s="859"/>
      <c r="G50" s="872" t="s">
        <v>456</v>
      </c>
      <c r="H50" s="75"/>
      <c r="I50" s="75"/>
      <c r="J50" s="75"/>
      <c r="K50" s="75"/>
      <c r="L50" s="75"/>
      <c r="M50" s="75"/>
    </row>
    <row r="51" spans="1:13" ht="15" customHeight="1" x14ac:dyDescent="0.2">
      <c r="A51" s="825"/>
      <c r="B51" s="771" t="s">
        <v>212</v>
      </c>
      <c r="C51" s="923"/>
      <c r="D51" s="823" t="s">
        <v>218</v>
      </c>
      <c r="E51" s="823" t="s">
        <v>217</v>
      </c>
      <c r="F51" s="924" t="s">
        <v>430</v>
      </c>
      <c r="G51" s="846"/>
      <c r="H51" s="75"/>
      <c r="I51" s="75"/>
      <c r="J51" s="75"/>
      <c r="K51" s="75"/>
      <c r="L51" s="75"/>
      <c r="M51" s="75"/>
    </row>
    <row r="52" spans="1:13" ht="11.25" customHeight="1" x14ac:dyDescent="0.2">
      <c r="A52" s="825"/>
      <c r="B52" s="230" t="s">
        <v>313</v>
      </c>
      <c r="C52" s="231" t="s">
        <v>214</v>
      </c>
      <c r="D52" s="843"/>
      <c r="E52" s="843"/>
      <c r="F52" s="925"/>
      <c r="G52" s="846"/>
      <c r="H52" s="75"/>
      <c r="I52" s="75"/>
      <c r="J52" s="75"/>
      <c r="K52" s="75"/>
      <c r="L52" s="75"/>
      <c r="M52" s="75"/>
    </row>
    <row r="53" spans="1:13" ht="11.25" customHeight="1" x14ac:dyDescent="0.2">
      <c r="A53" s="825"/>
      <c r="B53" s="234" t="s">
        <v>215</v>
      </c>
      <c r="C53" s="234" t="s">
        <v>216</v>
      </c>
      <c r="D53" s="843"/>
      <c r="E53" s="843"/>
      <c r="F53" s="925" t="s">
        <v>117</v>
      </c>
      <c r="G53" s="846"/>
      <c r="H53" s="75"/>
      <c r="I53" s="75"/>
      <c r="J53" s="75"/>
      <c r="K53" s="75"/>
      <c r="L53" s="75"/>
      <c r="M53" s="75"/>
    </row>
    <row r="54" spans="1:13" ht="11.25" customHeight="1" x14ac:dyDescent="0.2">
      <c r="A54" s="826"/>
      <c r="B54" s="232" t="s">
        <v>219</v>
      </c>
      <c r="C54" s="232">
        <v>2014</v>
      </c>
      <c r="D54" s="824"/>
      <c r="E54" s="824"/>
      <c r="F54" s="926"/>
      <c r="G54" s="848"/>
      <c r="H54" s="75"/>
      <c r="I54" s="75"/>
      <c r="J54" s="75"/>
      <c r="K54" s="75"/>
      <c r="L54" s="75"/>
      <c r="M54" s="75"/>
    </row>
    <row r="55" spans="1:13" s="75" customFormat="1" ht="14.25" customHeight="1" x14ac:dyDescent="0.2">
      <c r="A55" s="242" t="s">
        <v>101</v>
      </c>
      <c r="B55" s="371">
        <v>31084643.720000003</v>
      </c>
      <c r="C55" s="473">
        <v>99141210.299999997</v>
      </c>
      <c r="D55" s="473">
        <v>80021935.059999987</v>
      </c>
      <c r="E55" s="371">
        <v>0</v>
      </c>
      <c r="F55" s="371">
        <v>50203918.960000008</v>
      </c>
      <c r="G55" s="372">
        <v>83229371.860000014</v>
      </c>
    </row>
    <row r="56" spans="1:13" s="241" customFormat="1" ht="11.25" customHeight="1" x14ac:dyDescent="0.2">
      <c r="A56" s="29"/>
      <c r="B56" s="370"/>
      <c r="C56" s="452"/>
      <c r="D56" s="452"/>
      <c r="E56" s="58"/>
      <c r="F56" s="58"/>
      <c r="G56" s="23"/>
    </row>
    <row r="57" spans="1:13" s="75" customFormat="1" ht="11.25" customHeight="1" x14ac:dyDescent="0.2">
      <c r="A57" s="242" t="s">
        <v>770</v>
      </c>
      <c r="B57" s="371">
        <v>31084643.720000003</v>
      </c>
      <c r="C57" s="451">
        <v>76589981.140000001</v>
      </c>
      <c r="D57" s="451">
        <v>57475261.599999994</v>
      </c>
      <c r="E57" s="344">
        <v>0</v>
      </c>
      <c r="F57" s="344">
        <v>50199363.260000005</v>
      </c>
      <c r="G57" s="373">
        <v>80100681.050000012</v>
      </c>
    </row>
    <row r="58" spans="1:13" s="241" customFormat="1" ht="11.25" customHeight="1" x14ac:dyDescent="0.2">
      <c r="A58" s="29"/>
      <c r="B58" s="371"/>
      <c r="C58" s="452"/>
      <c r="D58" s="452"/>
      <c r="E58" s="58"/>
      <c r="F58" s="58"/>
      <c r="G58" s="23"/>
    </row>
    <row r="59" spans="1:13" s="75" customFormat="1" ht="11.25" customHeight="1" x14ac:dyDescent="0.2">
      <c r="A59" s="255" t="s">
        <v>771</v>
      </c>
      <c r="B59" s="371">
        <v>0</v>
      </c>
      <c r="C59" s="473">
        <v>4496578.2600000007</v>
      </c>
      <c r="D59" s="473">
        <v>4496578.2600000007</v>
      </c>
      <c r="E59" s="371">
        <v>0</v>
      </c>
      <c r="F59" s="371">
        <v>0</v>
      </c>
      <c r="G59" s="372">
        <v>0</v>
      </c>
    </row>
    <row r="60" spans="1:13" s="241" customFormat="1" ht="11.25" customHeight="1" x14ac:dyDescent="0.2">
      <c r="A60" s="143" t="s">
        <v>772</v>
      </c>
      <c r="B60" s="371"/>
      <c r="C60" s="452"/>
      <c r="D60" s="452"/>
      <c r="E60" s="58"/>
      <c r="F60" s="337">
        <v>0</v>
      </c>
      <c r="G60" s="372">
        <v>0</v>
      </c>
    </row>
    <row r="61" spans="1:13" s="241" customFormat="1" ht="11.25" customHeight="1" x14ac:dyDescent="0.2">
      <c r="A61" s="143" t="s">
        <v>773</v>
      </c>
      <c r="B61" s="371"/>
      <c r="C61" s="452">
        <v>4492853.9800000004</v>
      </c>
      <c r="D61" s="452">
        <v>4492853.9800000004</v>
      </c>
      <c r="E61" s="58"/>
      <c r="F61" s="337">
        <v>0</v>
      </c>
      <c r="G61" s="372">
        <v>0</v>
      </c>
    </row>
    <row r="62" spans="1:13" s="241" customFormat="1" ht="11.25" customHeight="1" x14ac:dyDescent="0.2">
      <c r="A62" s="143" t="s">
        <v>774</v>
      </c>
      <c r="B62" s="371"/>
      <c r="C62" s="452">
        <v>3724.28</v>
      </c>
      <c r="D62" s="452">
        <v>3724.28</v>
      </c>
      <c r="E62" s="58"/>
      <c r="F62" s="337">
        <v>0</v>
      </c>
      <c r="G62" s="372">
        <v>0</v>
      </c>
    </row>
    <row r="63" spans="1:13" s="241" customFormat="1" ht="11.25" customHeight="1" x14ac:dyDescent="0.2">
      <c r="A63" s="29"/>
      <c r="B63" s="371"/>
      <c r="C63" s="452"/>
      <c r="D63" s="452"/>
      <c r="E63" s="58"/>
      <c r="F63" s="58"/>
      <c r="G63" s="23"/>
    </row>
    <row r="64" spans="1:13" s="75" customFormat="1" ht="11.25" customHeight="1" x14ac:dyDescent="0.2">
      <c r="A64" s="255" t="s">
        <v>775</v>
      </c>
      <c r="B64" s="371">
        <v>0</v>
      </c>
      <c r="C64" s="473">
        <v>17939858.209999997</v>
      </c>
      <c r="D64" s="473">
        <v>17935302.509999998</v>
      </c>
      <c r="E64" s="371">
        <v>0</v>
      </c>
      <c r="F64" s="371">
        <v>4555.7000000000116</v>
      </c>
      <c r="G64" s="373">
        <v>899256.90999999968</v>
      </c>
    </row>
    <row r="65" spans="1:7" s="241" customFormat="1" ht="11.25" customHeight="1" x14ac:dyDescent="0.2">
      <c r="A65" s="143" t="s">
        <v>776</v>
      </c>
      <c r="B65" s="371"/>
      <c r="C65" s="452">
        <v>17501177.579999998</v>
      </c>
      <c r="D65" s="452">
        <v>17501155.579999998</v>
      </c>
      <c r="E65" s="58"/>
      <c r="F65" s="337">
        <v>22</v>
      </c>
      <c r="G65" s="453">
        <v>22</v>
      </c>
    </row>
    <row r="66" spans="1:7" s="241" customFormat="1" ht="11.25" customHeight="1" x14ac:dyDescent="0.2">
      <c r="A66" s="143" t="s">
        <v>777</v>
      </c>
      <c r="B66" s="371"/>
      <c r="C66" s="452">
        <v>438680.63</v>
      </c>
      <c r="D66" s="452">
        <v>434146.93</v>
      </c>
      <c r="E66" s="58"/>
      <c r="F66" s="337">
        <v>4533.7000000000116</v>
      </c>
      <c r="G66" s="453">
        <v>899234.90999999968</v>
      </c>
    </row>
    <row r="67" spans="1:7" s="241" customFormat="1" ht="11.25" customHeight="1" x14ac:dyDescent="0.2">
      <c r="A67" s="29"/>
      <c r="B67" s="371"/>
      <c r="C67" s="452"/>
      <c r="D67" s="452"/>
      <c r="E67" s="58"/>
      <c r="F67" s="58"/>
      <c r="G67" s="23"/>
    </row>
    <row r="68" spans="1:7" s="75" customFormat="1" ht="11.25" customHeight="1" x14ac:dyDescent="0.2">
      <c r="A68" s="255" t="s">
        <v>230</v>
      </c>
      <c r="B68" s="371">
        <v>0</v>
      </c>
      <c r="C68" s="473">
        <v>114792.69</v>
      </c>
      <c r="D68" s="473">
        <v>114792.69</v>
      </c>
      <c r="E68" s="371">
        <v>0</v>
      </c>
      <c r="F68" s="371">
        <v>0</v>
      </c>
      <c r="G68" s="373">
        <v>2229433.9000000004</v>
      </c>
    </row>
    <row r="69" spans="1:7" s="241" customFormat="1" ht="11.25" customHeight="1" x14ac:dyDescent="0.2">
      <c r="A69" s="143" t="s">
        <v>778</v>
      </c>
      <c r="B69" s="371"/>
      <c r="C69" s="452">
        <v>114792.69</v>
      </c>
      <c r="D69" s="452">
        <v>114792.69</v>
      </c>
      <c r="E69" s="58"/>
      <c r="F69" s="337">
        <v>0</v>
      </c>
      <c r="G69" s="453">
        <v>1361653.9800000002</v>
      </c>
    </row>
    <row r="70" spans="1:7" s="241" customFormat="1" ht="11.25" customHeight="1" x14ac:dyDescent="0.2">
      <c r="A70" s="143" t="s">
        <v>779</v>
      </c>
      <c r="B70" s="371"/>
      <c r="C70" s="452"/>
      <c r="D70" s="452"/>
      <c r="E70" s="58"/>
      <c r="F70" s="337">
        <v>0</v>
      </c>
      <c r="G70" s="453">
        <v>867779.92</v>
      </c>
    </row>
    <row r="71" spans="1:7" s="241" customFormat="1" ht="11.25" customHeight="1" x14ac:dyDescent="0.2">
      <c r="A71" s="29"/>
      <c r="B71" s="371"/>
      <c r="C71" s="452"/>
      <c r="D71" s="452"/>
      <c r="E71" s="58"/>
      <c r="F71" s="58"/>
      <c r="G71" s="23"/>
    </row>
    <row r="72" spans="1:7" s="75" customFormat="1" ht="11.25" customHeight="1" x14ac:dyDescent="0.2">
      <c r="A72" s="255" t="s">
        <v>102</v>
      </c>
      <c r="B72" s="371">
        <v>11832.26</v>
      </c>
      <c r="C72" s="473">
        <v>15166127.09</v>
      </c>
      <c r="D72" s="473">
        <v>9710462.5600000005</v>
      </c>
      <c r="E72" s="371">
        <v>0</v>
      </c>
      <c r="F72" s="371">
        <v>5467496.79</v>
      </c>
      <c r="G72" s="373">
        <v>5467496.79</v>
      </c>
    </row>
    <row r="73" spans="1:7" s="241" customFormat="1" ht="11.25" customHeight="1" x14ac:dyDescent="0.2">
      <c r="A73" s="255"/>
      <c r="B73" s="371"/>
      <c r="C73" s="452"/>
      <c r="D73" s="452"/>
      <c r="E73" s="58"/>
      <c r="F73" s="58"/>
      <c r="G73" s="23"/>
    </row>
    <row r="74" spans="1:7" s="75" customFormat="1" ht="11.25" customHeight="1" x14ac:dyDescent="0.2">
      <c r="A74" s="255" t="s">
        <v>770</v>
      </c>
      <c r="B74" s="371">
        <v>5694.13</v>
      </c>
      <c r="C74" s="451">
        <v>7600020.7199999997</v>
      </c>
      <c r="D74" s="451">
        <v>2144356.19</v>
      </c>
      <c r="E74" s="178"/>
      <c r="F74" s="451">
        <v>5461358.6600000001</v>
      </c>
      <c r="G74" s="163"/>
    </row>
    <row r="75" spans="1:7" s="241" customFormat="1" ht="11.25" customHeight="1" x14ac:dyDescent="0.2">
      <c r="A75" s="255"/>
      <c r="B75" s="371"/>
      <c r="C75" s="452"/>
      <c r="D75" s="452"/>
      <c r="E75" s="58"/>
      <c r="F75" s="58"/>
      <c r="G75" s="23"/>
    </row>
    <row r="76" spans="1:7" s="75" customFormat="1" ht="11.25" customHeight="1" x14ac:dyDescent="0.2">
      <c r="A76" s="255" t="s">
        <v>771</v>
      </c>
      <c r="B76" s="371">
        <v>0</v>
      </c>
      <c r="C76" s="473">
        <v>1310668.42</v>
      </c>
      <c r="D76" s="473">
        <v>1310668.42</v>
      </c>
      <c r="E76" s="371">
        <v>0</v>
      </c>
      <c r="F76" s="371">
        <v>0</v>
      </c>
      <c r="G76" s="373">
        <v>0</v>
      </c>
    </row>
    <row r="77" spans="1:7" s="241" customFormat="1" ht="11.25" customHeight="1" x14ac:dyDescent="0.2">
      <c r="A77" s="143" t="s">
        <v>772</v>
      </c>
      <c r="B77" s="371"/>
      <c r="C77" s="452"/>
      <c r="D77" s="452"/>
      <c r="E77" s="58"/>
      <c r="F77" s="337">
        <v>0</v>
      </c>
      <c r="G77" s="373">
        <v>0</v>
      </c>
    </row>
    <row r="78" spans="1:7" s="241" customFormat="1" ht="11.25" customHeight="1" x14ac:dyDescent="0.2">
      <c r="A78" s="143" t="s">
        <v>773</v>
      </c>
      <c r="B78" s="371"/>
      <c r="C78" s="452">
        <v>1310668.42</v>
      </c>
      <c r="D78" s="452">
        <v>1310668.42</v>
      </c>
      <c r="E78" s="58"/>
      <c r="F78" s="337">
        <v>0</v>
      </c>
      <c r="G78" s="373">
        <v>0</v>
      </c>
    </row>
    <row r="79" spans="1:7" s="241" customFormat="1" ht="11.25" customHeight="1" x14ac:dyDescent="0.2">
      <c r="A79" s="143" t="s">
        <v>774</v>
      </c>
      <c r="B79" s="371"/>
      <c r="C79" s="452"/>
      <c r="D79" s="452"/>
      <c r="E79" s="58"/>
      <c r="F79" s="337">
        <v>0</v>
      </c>
      <c r="G79" s="373">
        <v>0</v>
      </c>
    </row>
    <row r="80" spans="1:7" s="241" customFormat="1" ht="11.25" customHeight="1" x14ac:dyDescent="0.2">
      <c r="A80" s="143"/>
      <c r="B80" s="371"/>
      <c r="C80" s="452"/>
      <c r="D80" s="452"/>
      <c r="E80" s="58"/>
      <c r="F80" s="58"/>
      <c r="G80" s="23"/>
    </row>
    <row r="81" spans="1:7" s="75" customFormat="1" ht="11.25" customHeight="1" x14ac:dyDescent="0.2">
      <c r="A81" s="255" t="s">
        <v>775</v>
      </c>
      <c r="B81" s="371">
        <v>0</v>
      </c>
      <c r="C81" s="473">
        <v>6255437.9500000002</v>
      </c>
      <c r="D81" s="473">
        <v>6255437.9500000002</v>
      </c>
      <c r="E81" s="371">
        <v>0</v>
      </c>
      <c r="F81" s="371">
        <v>0</v>
      </c>
      <c r="G81" s="373">
        <v>0</v>
      </c>
    </row>
    <row r="82" spans="1:7" s="241" customFormat="1" ht="11.25" customHeight="1" x14ac:dyDescent="0.2">
      <c r="A82" s="143" t="s">
        <v>776</v>
      </c>
      <c r="B82" s="371"/>
      <c r="C82" s="452">
        <v>6255437.9500000002</v>
      </c>
      <c r="D82" s="452">
        <v>6255437.9500000002</v>
      </c>
      <c r="E82" s="58"/>
      <c r="F82" s="337">
        <v>0</v>
      </c>
      <c r="G82" s="373">
        <v>0</v>
      </c>
    </row>
    <row r="83" spans="1:7" s="241" customFormat="1" ht="11.25" customHeight="1" x14ac:dyDescent="0.2">
      <c r="A83" s="143" t="s">
        <v>777</v>
      </c>
      <c r="B83" s="371"/>
      <c r="C83" s="452"/>
      <c r="D83" s="452"/>
      <c r="E83" s="58"/>
      <c r="F83" s="337">
        <v>0</v>
      </c>
      <c r="G83" s="373">
        <v>0</v>
      </c>
    </row>
    <row r="84" spans="1:7" s="241" customFormat="1" ht="11.25" customHeight="1" x14ac:dyDescent="0.2">
      <c r="A84" s="143"/>
      <c r="B84" s="371"/>
      <c r="C84" s="452"/>
      <c r="D84" s="452"/>
      <c r="E84" s="58"/>
      <c r="F84" s="58"/>
      <c r="G84" s="23"/>
    </row>
    <row r="85" spans="1:7" s="75" customFormat="1" ht="11.25" customHeight="1" x14ac:dyDescent="0.2">
      <c r="A85" s="255" t="s">
        <v>230</v>
      </c>
      <c r="B85" s="371">
        <v>6138.13</v>
      </c>
      <c r="C85" s="473">
        <v>0</v>
      </c>
      <c r="D85" s="473">
        <v>0</v>
      </c>
      <c r="E85" s="371">
        <v>0</v>
      </c>
      <c r="F85" s="371">
        <v>6138.13</v>
      </c>
      <c r="G85" s="373">
        <v>6138.13</v>
      </c>
    </row>
    <row r="86" spans="1:7" s="241" customFormat="1" ht="11.25" customHeight="1" x14ac:dyDescent="0.2">
      <c r="A86" s="143" t="s">
        <v>778</v>
      </c>
      <c r="B86" s="725">
        <v>6138.13</v>
      </c>
      <c r="C86" s="452"/>
      <c r="D86" s="452"/>
      <c r="E86" s="58"/>
      <c r="F86" s="337">
        <v>6138.13</v>
      </c>
      <c r="G86" s="453">
        <v>6138.13</v>
      </c>
    </row>
    <row r="87" spans="1:7" s="241" customFormat="1" ht="14.25" customHeight="1" x14ac:dyDescent="0.2">
      <c r="A87" s="143" t="s">
        <v>779</v>
      </c>
      <c r="B87" s="371"/>
      <c r="C87" s="452"/>
      <c r="D87" s="452"/>
      <c r="E87" s="58"/>
      <c r="F87" s="337">
        <v>0</v>
      </c>
      <c r="G87" s="453">
        <v>0</v>
      </c>
    </row>
    <row r="88" spans="1:7" s="75" customFormat="1" ht="15" customHeight="1" x14ac:dyDescent="0.2">
      <c r="A88" s="30" t="s">
        <v>222</v>
      </c>
      <c r="B88" s="474">
        <v>31096475.980000004</v>
      </c>
      <c r="C88" s="474">
        <v>114307337.39</v>
      </c>
      <c r="D88" s="474">
        <v>89732397.61999999</v>
      </c>
      <c r="E88" s="355">
        <v>0</v>
      </c>
      <c r="F88" s="355">
        <v>55671415.750000007</v>
      </c>
      <c r="G88" s="355">
        <v>88696868.650000021</v>
      </c>
    </row>
    <row r="89" spans="1:7" ht="11.25" customHeight="1" x14ac:dyDescent="0.2">
      <c r="A89" s="52" t="s">
        <v>863</v>
      </c>
      <c r="G89" s="330"/>
    </row>
    <row r="92" spans="1:7" s="301" customFormat="1" ht="11.25" customHeight="1" x14ac:dyDescent="0.2">
      <c r="A92" s="52"/>
      <c r="B92" s="52"/>
      <c r="C92" s="52"/>
      <c r="D92" s="52"/>
      <c r="E92" s="52"/>
      <c r="F92" s="52"/>
      <c r="G92" s="52"/>
    </row>
    <row r="93" spans="1:7" s="301" customFormat="1" ht="11.25" customHeight="1" x14ac:dyDescent="0.2">
      <c r="A93" s="52"/>
      <c r="B93" s="52"/>
      <c r="C93" s="52"/>
      <c r="D93" s="52"/>
      <c r="E93" s="52"/>
      <c r="F93" s="52"/>
      <c r="G93" s="52"/>
    </row>
    <row r="98" s="52" customFormat="1" ht="11.25" customHeight="1" x14ac:dyDescent="0.2"/>
    <row r="99" s="52" customFormat="1" ht="11.25" customHeight="1" x14ac:dyDescent="0.2"/>
    <row r="100" s="52" customFormat="1" ht="11.25" customHeight="1" x14ac:dyDescent="0.2"/>
    <row r="101" s="52" customFormat="1" ht="11.25" customHeight="1" x14ac:dyDescent="0.2"/>
    <row r="102" s="52" customFormat="1" ht="11.25" customHeight="1" x14ac:dyDescent="0.2"/>
    <row r="103" s="52" customFormat="1" ht="11.25" customHeight="1" x14ac:dyDescent="0.2"/>
    <row r="104" s="52" customFormat="1" ht="11.25" customHeight="1" x14ac:dyDescent="0.2"/>
  </sheetData>
  <customSheetViews>
    <customSheetView guid="{82EDB5A4-4824-4632-A540-7A52C92F04C7}" showPageBreaks="1" showGridLines="0" fitToPage="1" printArea="1" topLeftCell="A10">
      <pane xSplit="1" ySplit="5" topLeftCell="B15" activePane="bottomRight" state="frozen"/>
      <selection pane="bottomRight" activeCell="B15" sqref="B15"/>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3AAF6A5F-F9AA-430B-9AD9-1261ECDF41B5}" showPageBreaks="1" showGridLines="0" fitToPage="1" printArea="1">
      <selection activeCell="C17" sqref="C17"/>
      <pageMargins left="0.19685039370078741" right="0" top="0.19685039370078741" bottom="0.19685039370078741" header="0" footer="0"/>
      <printOptions horizontalCentered="1"/>
      <pageSetup paperSize="9" scale="60" orientation="portrait" horizontalDpi="300" verticalDpi="300" r:id="rId2"/>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3"/>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4"/>
      <headerFooter alignWithMargins="0">
        <oddFooter>&amp;A</oddFooter>
      </headerFooter>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61" orientation="portrait" r:id="rId5"/>
      <headerFooter alignWithMargins="0"/>
    </customSheetView>
    <customSheetView guid="{25EF1E0D-169B-4051-B414-7E1196FC05E4}" showPageBreaks="1" showGridLines="0" fitToPage="1" printArea="1" topLeftCell="A7">
      <selection activeCell="D48" sqref="D48"/>
      <pageMargins left="0.19685039370078741" right="0.19685039370078741" top="0.19685039370078741" bottom="0.19685039370078741" header="0" footer="0"/>
      <printOptions horizontalCentered="1"/>
      <pageSetup paperSize="9" scale="60" orientation="portrait" horizontalDpi="300" verticalDpi="300" r:id="rId6"/>
      <headerFooter alignWithMargins="0"/>
    </customSheetView>
    <customSheetView guid="{C779D862-DE28-46CD-A428-4AAA1056D1E1}" showPageBreaks="1" showGridLines="0" fitToPage="1" printArea="1" topLeftCell="A49">
      <selection activeCell="E57" sqref="E57"/>
      <pageMargins left="0.19685039370078741" right="0.19685039370078741" top="0.59055118110236227" bottom="0.19685039370078741" header="0" footer="0"/>
      <printOptions horizontalCentered="1"/>
      <pageSetup paperSize="9" scale="60" orientation="portrait" r:id="rId7"/>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19685039370078741" right="0.19685039370078741" top="0.59055118110236227" bottom="0.19685039370078741" header="0" footer="0"/>
  <pageSetup paperSize="9" scale="61"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98"/>
  <sheetViews>
    <sheetView showGridLines="0" zoomScaleNormal="100" workbookViewId="0"/>
  </sheetViews>
  <sheetFormatPr defaultRowHeight="11.25" customHeight="1" x14ac:dyDescent="0.2"/>
  <cols>
    <col min="1" max="1" width="80.5703125" style="309" customWidth="1"/>
    <col min="2" max="2" width="19" style="96" customWidth="1"/>
    <col min="3" max="4" width="19" style="96" bestFit="1" customWidth="1"/>
    <col min="5" max="5" width="15.85546875" style="96" customWidth="1"/>
    <col min="6" max="6" width="19" style="96" bestFit="1" customWidth="1"/>
    <col min="7" max="7" width="15.85546875" style="96" customWidth="1"/>
    <col min="8" max="8" width="16.7109375" style="96" customWidth="1"/>
    <col min="9" max="16384" width="9.140625" style="96"/>
  </cols>
  <sheetData>
    <row r="1" spans="1:8" s="154" customFormat="1" ht="10.5" x14ac:dyDescent="0.2">
      <c r="A1" s="645" t="s">
        <v>858</v>
      </c>
      <c r="B1" s="151"/>
      <c r="C1" s="151"/>
      <c r="D1" s="151"/>
      <c r="E1" s="151"/>
      <c r="F1" s="151"/>
      <c r="G1" s="151"/>
      <c r="H1" s="151"/>
    </row>
    <row r="2" spans="1:8" s="154" customFormat="1" ht="10.5" x14ac:dyDescent="0.2">
      <c r="A2" s="304"/>
      <c r="B2" s="151"/>
      <c r="C2" s="151"/>
      <c r="D2" s="151"/>
      <c r="E2" s="151"/>
      <c r="F2" s="151"/>
    </row>
    <row r="3" spans="1:8" s="158" customFormat="1" ht="10.5" x14ac:dyDescent="0.2">
      <c r="A3" s="1050" t="s">
        <v>641</v>
      </c>
      <c r="B3" s="1050"/>
      <c r="C3" s="1050"/>
      <c r="D3" s="1050"/>
      <c r="E3" s="1050"/>
      <c r="F3" s="1050"/>
      <c r="G3" s="1050"/>
      <c r="H3" s="1050"/>
    </row>
    <row r="4" spans="1:8" s="158" customFormat="1" ht="10.5" x14ac:dyDescent="0.2">
      <c r="A4" s="1050" t="s">
        <v>105</v>
      </c>
      <c r="B4" s="1050"/>
      <c r="C4" s="1050"/>
      <c r="D4" s="1050"/>
      <c r="E4" s="1050"/>
      <c r="F4" s="1050"/>
      <c r="G4" s="1050"/>
      <c r="H4" s="1050"/>
    </row>
    <row r="5" spans="1:8" s="158" customFormat="1" ht="10.5" x14ac:dyDescent="0.2">
      <c r="A5" s="1050" t="s">
        <v>231</v>
      </c>
      <c r="B5" s="1050"/>
      <c r="C5" s="1050"/>
      <c r="D5" s="1050"/>
      <c r="E5" s="1050"/>
      <c r="F5" s="1050"/>
      <c r="G5" s="1050"/>
      <c r="H5" s="1050"/>
    </row>
    <row r="6" spans="1:8" s="158" customFormat="1" ht="10.5" x14ac:dyDescent="0.2">
      <c r="A6" s="1050" t="s">
        <v>107</v>
      </c>
      <c r="B6" s="1050"/>
      <c r="C6" s="1050"/>
      <c r="D6" s="1050"/>
      <c r="E6" s="1050"/>
      <c r="F6" s="1050"/>
      <c r="G6" s="1050"/>
      <c r="H6" s="1050"/>
    </row>
    <row r="7" spans="1:8" s="158" customFormat="1" ht="10.5" x14ac:dyDescent="0.2">
      <c r="A7" s="1050" t="s">
        <v>874</v>
      </c>
      <c r="B7" s="1050"/>
      <c r="C7" s="1050"/>
      <c r="D7" s="1050"/>
      <c r="E7" s="1050"/>
      <c r="F7" s="1050"/>
      <c r="G7" s="1050"/>
      <c r="H7" s="1050"/>
    </row>
    <row r="8" spans="1:8" s="154" customFormat="1" ht="10.5" x14ac:dyDescent="0.2">
      <c r="A8" s="305" t="s">
        <v>620</v>
      </c>
      <c r="B8" s="152"/>
      <c r="C8" s="152"/>
      <c r="D8" s="152"/>
      <c r="E8" s="152"/>
      <c r="F8" s="603"/>
      <c r="H8" s="253">
        <v>1</v>
      </c>
    </row>
    <row r="9" spans="1:8" s="250" customFormat="1" ht="15" customHeight="1" x14ac:dyDescent="0.2">
      <c r="A9" s="936" t="s">
        <v>187</v>
      </c>
      <c r="B9" s="936"/>
      <c r="C9" s="936"/>
      <c r="D9" s="936"/>
      <c r="E9" s="936"/>
      <c r="F9" s="936"/>
      <c r="G9" s="936"/>
      <c r="H9" s="936"/>
    </row>
    <row r="10" spans="1:8" s="250" customFormat="1" ht="15" customHeight="1" x14ac:dyDescent="0.15">
      <c r="A10" s="927" t="s">
        <v>856</v>
      </c>
      <c r="B10" s="1045" t="s">
        <v>108</v>
      </c>
      <c r="C10" s="1046"/>
      <c r="D10" s="1045" t="s">
        <v>108</v>
      </c>
      <c r="E10" s="1046"/>
      <c r="F10" s="954" t="s">
        <v>109</v>
      </c>
      <c r="G10" s="936"/>
      <c r="H10" s="936"/>
    </row>
    <row r="11" spans="1:8" s="250" customFormat="1" ht="15" customHeight="1" x14ac:dyDescent="0.2">
      <c r="A11" s="928"/>
      <c r="B11" s="925" t="s">
        <v>111</v>
      </c>
      <c r="C11" s="955"/>
      <c r="D11" s="925" t="s">
        <v>112</v>
      </c>
      <c r="E11" s="955"/>
      <c r="F11" s="924" t="s">
        <v>115</v>
      </c>
      <c r="G11" s="959"/>
      <c r="H11" s="247" t="s">
        <v>114</v>
      </c>
    </row>
    <row r="12" spans="1:8" s="250" customFormat="1" ht="15" customHeight="1" x14ac:dyDescent="0.2">
      <c r="A12" s="560" t="s">
        <v>857</v>
      </c>
      <c r="B12" s="926"/>
      <c r="C12" s="956"/>
      <c r="D12" s="1051" t="s">
        <v>116</v>
      </c>
      <c r="E12" s="1052"/>
      <c r="F12" s="1051" t="s">
        <v>117</v>
      </c>
      <c r="G12" s="1052"/>
      <c r="H12" s="577" t="s">
        <v>188</v>
      </c>
    </row>
    <row r="13" spans="1:8" s="250" customFormat="1" ht="14.25" customHeight="1" x14ac:dyDescent="0.2">
      <c r="A13" s="271" t="s">
        <v>189</v>
      </c>
      <c r="B13" s="987">
        <v>7821678000</v>
      </c>
      <c r="C13" s="988"/>
      <c r="D13" s="1041">
        <v>7821678000</v>
      </c>
      <c r="E13" s="1042"/>
      <c r="F13" s="1041">
        <v>4043039418.8399997</v>
      </c>
      <c r="G13" s="1042"/>
      <c r="H13" s="374">
        <v>51.690179765006938</v>
      </c>
    </row>
    <row r="14" spans="1:8" s="250" customFormat="1" ht="21" x14ac:dyDescent="0.2">
      <c r="A14" s="260" t="s">
        <v>369</v>
      </c>
      <c r="B14" s="987">
        <v>6859312000</v>
      </c>
      <c r="C14" s="988"/>
      <c r="D14" s="939">
        <v>6859312000</v>
      </c>
      <c r="E14" s="940"/>
      <c r="F14" s="939">
        <v>3468909965.9500003</v>
      </c>
      <c r="G14" s="940"/>
      <c r="H14" s="374">
        <v>50.572272641192008</v>
      </c>
    </row>
    <row r="15" spans="1:8" s="19" customFormat="1" ht="12.75" x14ac:dyDescent="0.2">
      <c r="A15" s="306" t="s">
        <v>318</v>
      </c>
      <c r="B15" s="731">
        <v>6742500000</v>
      </c>
      <c r="C15" s="786"/>
      <c r="D15" s="731">
        <v>6742500000</v>
      </c>
      <c r="E15" s="786"/>
      <c r="F15" s="941">
        <v>3416183503.9400001</v>
      </c>
      <c r="G15" s="1015"/>
      <c r="H15" s="374">
        <v>50.666422008750466</v>
      </c>
    </row>
    <row r="16" spans="1:8" s="19" customFormat="1" ht="12.75" x14ac:dyDescent="0.2">
      <c r="A16" s="306" t="s">
        <v>319</v>
      </c>
      <c r="B16" s="731">
        <v>36676000</v>
      </c>
      <c r="C16" s="786"/>
      <c r="D16" s="731">
        <v>36676000</v>
      </c>
      <c r="E16" s="786"/>
      <c r="F16" s="941">
        <v>14864115.369999999</v>
      </c>
      <c r="G16" s="1015"/>
      <c r="H16" s="374">
        <v>40.528180199585556</v>
      </c>
    </row>
    <row r="17" spans="1:8" s="19" customFormat="1" ht="12.75" x14ac:dyDescent="0.2">
      <c r="A17" s="306" t="s">
        <v>320</v>
      </c>
      <c r="B17" s="731">
        <v>7445000</v>
      </c>
      <c r="C17" s="786"/>
      <c r="D17" s="731">
        <v>7445000</v>
      </c>
      <c r="E17" s="786"/>
      <c r="F17" s="941">
        <v>5535104.6299999999</v>
      </c>
      <c r="G17" s="1015"/>
      <c r="H17" s="374">
        <v>74.346603492276699</v>
      </c>
    </row>
    <row r="18" spans="1:8" s="19" customFormat="1" ht="21" x14ac:dyDescent="0.2">
      <c r="A18" s="306" t="s">
        <v>321</v>
      </c>
      <c r="B18" s="939">
        <v>0</v>
      </c>
      <c r="C18" s="940"/>
      <c r="D18" s="731">
        <v>0</v>
      </c>
      <c r="E18" s="786"/>
      <c r="F18" s="939">
        <v>0</v>
      </c>
      <c r="G18" s="1015"/>
      <c r="H18" s="374">
        <v>0</v>
      </c>
    </row>
    <row r="19" spans="1:8" s="19" customFormat="1" ht="12.75" x14ac:dyDescent="0.2">
      <c r="A19" s="287" t="s">
        <v>322</v>
      </c>
      <c r="B19" s="747">
        <v>0</v>
      </c>
      <c r="C19" s="785"/>
      <c r="D19" s="731">
        <v>0</v>
      </c>
      <c r="E19" s="786"/>
      <c r="F19" s="939">
        <v>0</v>
      </c>
      <c r="G19" s="1015"/>
      <c r="H19" s="374">
        <v>0</v>
      </c>
    </row>
    <row r="20" spans="1:8" s="19" customFormat="1" ht="21" x14ac:dyDescent="0.2">
      <c r="A20" s="287" t="s">
        <v>323</v>
      </c>
      <c r="B20" s="731">
        <v>72691000</v>
      </c>
      <c r="C20" s="786"/>
      <c r="D20" s="731">
        <v>72691000</v>
      </c>
      <c r="E20" s="786"/>
      <c r="F20" s="941">
        <v>32327242.010000002</v>
      </c>
      <c r="G20" s="1015"/>
      <c r="H20" s="374">
        <v>44.472138242698549</v>
      </c>
    </row>
    <row r="21" spans="1:8" s="19" customFormat="1" ht="12.75" x14ac:dyDescent="0.2">
      <c r="A21" s="14" t="s">
        <v>324</v>
      </c>
      <c r="B21" s="747">
        <v>0</v>
      </c>
      <c r="C21" s="785"/>
      <c r="D21" s="731">
        <v>0</v>
      </c>
      <c r="E21" s="786"/>
      <c r="F21" s="939">
        <v>0</v>
      </c>
      <c r="G21" s="1015"/>
      <c r="H21" s="374">
        <v>0</v>
      </c>
    </row>
    <row r="22" spans="1:8" s="250" customFormat="1" ht="21" x14ac:dyDescent="0.2">
      <c r="A22" s="260" t="s">
        <v>325</v>
      </c>
      <c r="B22" s="987">
        <v>108031000</v>
      </c>
      <c r="C22" s="988"/>
      <c r="D22" s="987">
        <v>108031000</v>
      </c>
      <c r="E22" s="988"/>
      <c r="F22" s="939">
        <v>43897104.469999999</v>
      </c>
      <c r="G22" s="940"/>
      <c r="H22" s="374">
        <v>40.633803695235628</v>
      </c>
    </row>
    <row r="23" spans="1:8" s="19" customFormat="1" ht="12.75" x14ac:dyDescent="0.2">
      <c r="A23" s="306" t="s">
        <v>326</v>
      </c>
      <c r="B23" s="937">
        <v>105800000</v>
      </c>
      <c r="C23" s="938"/>
      <c r="D23" s="731">
        <v>105800000</v>
      </c>
      <c r="E23" s="786"/>
      <c r="F23" s="941">
        <v>43787115.119999997</v>
      </c>
      <c r="G23" s="1015"/>
      <c r="H23" s="374">
        <v>41.386687258979208</v>
      </c>
    </row>
    <row r="24" spans="1:8" s="19" customFormat="1" ht="12.75" x14ac:dyDescent="0.2">
      <c r="A24" s="306" t="s">
        <v>327</v>
      </c>
      <c r="B24" s="937">
        <v>2231000</v>
      </c>
      <c r="C24" s="938"/>
      <c r="D24" s="731">
        <v>2231000</v>
      </c>
      <c r="E24" s="786"/>
      <c r="F24" s="941">
        <v>109989.35</v>
      </c>
      <c r="G24" s="1015"/>
      <c r="H24" s="374">
        <v>4.9300470640968177</v>
      </c>
    </row>
    <row r="25" spans="1:8" s="19" customFormat="1" ht="12.75" x14ac:dyDescent="0.2">
      <c r="A25" s="306" t="s">
        <v>328</v>
      </c>
      <c r="B25" s="987">
        <v>0</v>
      </c>
      <c r="C25" s="988"/>
      <c r="D25" s="731">
        <v>0</v>
      </c>
      <c r="E25" s="786"/>
      <c r="F25" s="939">
        <v>0</v>
      </c>
      <c r="G25" s="1015"/>
      <c r="H25" s="374">
        <v>0</v>
      </c>
    </row>
    <row r="26" spans="1:8" s="19" customFormat="1" ht="21" x14ac:dyDescent="0.2">
      <c r="A26" s="306" t="s">
        <v>329</v>
      </c>
      <c r="B26" s="987">
        <v>0</v>
      </c>
      <c r="C26" s="988"/>
      <c r="D26" s="731">
        <v>0</v>
      </c>
      <c r="E26" s="786"/>
      <c r="F26" s="939">
        <v>0</v>
      </c>
      <c r="G26" s="1015"/>
      <c r="H26" s="374">
        <v>0</v>
      </c>
    </row>
    <row r="27" spans="1:8" s="19" customFormat="1" ht="12.75" x14ac:dyDescent="0.2">
      <c r="A27" s="291" t="s">
        <v>334</v>
      </c>
      <c r="B27" s="987">
        <v>0</v>
      </c>
      <c r="C27" s="988"/>
      <c r="D27" s="731">
        <v>0</v>
      </c>
      <c r="E27" s="786"/>
      <c r="F27" s="939">
        <v>0</v>
      </c>
      <c r="G27" s="1015"/>
      <c r="H27" s="374">
        <v>0</v>
      </c>
    </row>
    <row r="28" spans="1:8" s="250" customFormat="1" ht="21" x14ac:dyDescent="0.2">
      <c r="A28" s="260" t="s">
        <v>338</v>
      </c>
      <c r="B28" s="987">
        <v>343935000</v>
      </c>
      <c r="C28" s="988"/>
      <c r="D28" s="987">
        <v>343935000</v>
      </c>
      <c r="E28" s="988"/>
      <c r="F28" s="939">
        <v>288512106.19999999</v>
      </c>
      <c r="G28" s="940"/>
      <c r="H28" s="374">
        <v>83.885648799918584</v>
      </c>
    </row>
    <row r="29" spans="1:8" s="19" customFormat="1" ht="12.75" x14ac:dyDescent="0.2">
      <c r="A29" s="306" t="s">
        <v>330</v>
      </c>
      <c r="B29" s="937">
        <v>329900000</v>
      </c>
      <c r="C29" s="938"/>
      <c r="D29" s="731">
        <v>329900000</v>
      </c>
      <c r="E29" s="786"/>
      <c r="F29" s="941">
        <v>283040164.07999998</v>
      </c>
      <c r="G29" s="1015"/>
      <c r="H29" s="374">
        <v>85.795745401636864</v>
      </c>
    </row>
    <row r="30" spans="1:8" s="19" customFormat="1" ht="12.75" x14ac:dyDescent="0.2">
      <c r="A30" s="306" t="s">
        <v>331</v>
      </c>
      <c r="B30" s="937">
        <v>14003000</v>
      </c>
      <c r="C30" s="938"/>
      <c r="D30" s="731">
        <v>14003000</v>
      </c>
      <c r="E30" s="786"/>
      <c r="F30" s="941">
        <v>5462965.3600000003</v>
      </c>
      <c r="G30" s="1015"/>
      <c r="H30" s="374">
        <v>39.012821252588729</v>
      </c>
    </row>
    <row r="31" spans="1:8" s="19" customFormat="1" ht="12.75" x14ac:dyDescent="0.2">
      <c r="A31" s="306" t="s">
        <v>332</v>
      </c>
      <c r="B31" s="937">
        <v>32000</v>
      </c>
      <c r="C31" s="938"/>
      <c r="D31" s="731">
        <v>32000</v>
      </c>
      <c r="E31" s="786"/>
      <c r="F31" s="941">
        <v>8976.76</v>
      </c>
      <c r="G31" s="1015"/>
      <c r="H31" s="374">
        <v>28.052375000000001</v>
      </c>
    </row>
    <row r="32" spans="1:8" s="19" customFormat="1" ht="21" x14ac:dyDescent="0.2">
      <c r="A32" s="306" t="s">
        <v>333</v>
      </c>
      <c r="B32" s="987">
        <v>0</v>
      </c>
      <c r="C32" s="988"/>
      <c r="D32" s="731">
        <v>0</v>
      </c>
      <c r="E32" s="786"/>
      <c r="F32" s="939">
        <v>0</v>
      </c>
      <c r="G32" s="1015"/>
      <c r="H32" s="374">
        <v>0</v>
      </c>
    </row>
    <row r="33" spans="1:8" s="19" customFormat="1" ht="12.75" x14ac:dyDescent="0.2">
      <c r="A33" s="291" t="s">
        <v>335</v>
      </c>
      <c r="B33" s="987">
        <v>0</v>
      </c>
      <c r="C33" s="988"/>
      <c r="D33" s="731">
        <v>0</v>
      </c>
      <c r="E33" s="786"/>
      <c r="F33" s="939">
        <v>0</v>
      </c>
      <c r="G33" s="1015"/>
      <c r="H33" s="374">
        <v>0</v>
      </c>
    </row>
    <row r="34" spans="1:8" s="250" customFormat="1" ht="21" x14ac:dyDescent="0.2">
      <c r="A34" s="260" t="s">
        <v>339</v>
      </c>
      <c r="B34" s="987">
        <v>510400000</v>
      </c>
      <c r="C34" s="988"/>
      <c r="D34" s="987">
        <v>510400000</v>
      </c>
      <c r="E34" s="988"/>
      <c r="F34" s="939">
        <v>241720242.22</v>
      </c>
      <c r="G34" s="940"/>
      <c r="H34" s="374">
        <v>47.358981626175549</v>
      </c>
    </row>
    <row r="35" spans="1:8" s="19" customFormat="1" ht="12.75" x14ac:dyDescent="0.2">
      <c r="A35" s="306" t="s">
        <v>337</v>
      </c>
      <c r="B35" s="937">
        <v>510400000</v>
      </c>
      <c r="C35" s="938"/>
      <c r="D35" s="731">
        <v>510400000</v>
      </c>
      <c r="E35" s="786"/>
      <c r="F35" s="941">
        <v>241720242.22</v>
      </c>
      <c r="G35" s="1015"/>
      <c r="H35" s="374">
        <v>47.358981626175549</v>
      </c>
    </row>
    <row r="36" spans="1:8" s="19" customFormat="1" ht="12.75" x14ac:dyDescent="0.2">
      <c r="A36" s="306" t="s">
        <v>457</v>
      </c>
      <c r="B36" s="987">
        <v>0</v>
      </c>
      <c r="C36" s="988"/>
      <c r="D36" s="731">
        <v>0</v>
      </c>
      <c r="E36" s="786"/>
      <c r="F36" s="939">
        <v>0</v>
      </c>
      <c r="G36" s="1015"/>
      <c r="H36" s="374">
        <v>0</v>
      </c>
    </row>
    <row r="37" spans="1:8" s="19" customFormat="1" ht="12.75" x14ac:dyDescent="0.2">
      <c r="A37" s="306" t="s">
        <v>458</v>
      </c>
      <c r="B37" s="987">
        <v>0</v>
      </c>
      <c r="C37" s="988"/>
      <c r="D37" s="731">
        <v>0</v>
      </c>
      <c r="E37" s="786"/>
      <c r="F37" s="939">
        <v>0</v>
      </c>
      <c r="G37" s="1015"/>
      <c r="H37" s="374">
        <v>0</v>
      </c>
    </row>
    <row r="38" spans="1:8" s="19" customFormat="1" ht="21" x14ac:dyDescent="0.2">
      <c r="A38" s="306" t="s">
        <v>459</v>
      </c>
      <c r="B38" s="987">
        <v>0</v>
      </c>
      <c r="C38" s="988"/>
      <c r="D38" s="731">
        <v>0</v>
      </c>
      <c r="E38" s="786"/>
      <c r="F38" s="939">
        <v>0</v>
      </c>
      <c r="G38" s="1015"/>
      <c r="H38" s="374">
        <v>0</v>
      </c>
    </row>
    <row r="39" spans="1:8" s="19" customFormat="1" ht="12.75" x14ac:dyDescent="0.2">
      <c r="A39" s="291" t="s">
        <v>336</v>
      </c>
      <c r="B39" s="987">
        <v>0</v>
      </c>
      <c r="C39" s="988"/>
      <c r="D39" s="731">
        <v>0</v>
      </c>
      <c r="E39" s="786"/>
      <c r="F39" s="939">
        <v>0</v>
      </c>
      <c r="G39" s="1015"/>
      <c r="H39" s="374">
        <v>0</v>
      </c>
    </row>
    <row r="40" spans="1:8" s="250" customFormat="1" ht="10.5" x14ac:dyDescent="0.2">
      <c r="A40" s="260" t="s">
        <v>340</v>
      </c>
      <c r="B40" s="987">
        <v>1158800000</v>
      </c>
      <c r="C40" s="988"/>
      <c r="D40" s="987">
        <v>1158800000</v>
      </c>
      <c r="E40" s="988"/>
      <c r="F40" s="939">
        <v>612064406.38999999</v>
      </c>
      <c r="G40" s="940"/>
      <c r="H40" s="374">
        <v>52.818813116154637</v>
      </c>
    </row>
    <row r="41" spans="1:8" s="19" customFormat="1" ht="12.75" x14ac:dyDescent="0.2">
      <c r="A41" s="123" t="s">
        <v>190</v>
      </c>
      <c r="B41" s="937">
        <v>1070500000</v>
      </c>
      <c r="C41" s="938"/>
      <c r="D41" s="731">
        <v>1070500000</v>
      </c>
      <c r="E41" s="786"/>
      <c r="F41" s="941">
        <v>560177849.88</v>
      </c>
      <c r="G41" s="1015"/>
      <c r="H41" s="374">
        <v>52.328617457262958</v>
      </c>
    </row>
    <row r="42" spans="1:8" s="19" customFormat="1" ht="12.75" x14ac:dyDescent="0.2">
      <c r="A42" s="123" t="s">
        <v>191</v>
      </c>
      <c r="B42" s="937">
        <v>18100000</v>
      </c>
      <c r="C42" s="938"/>
      <c r="D42" s="731">
        <v>18100000</v>
      </c>
      <c r="E42" s="786"/>
      <c r="F42" s="941">
        <v>9028378.1300000008</v>
      </c>
      <c r="G42" s="1015"/>
      <c r="H42" s="374">
        <v>49.880542154696137</v>
      </c>
    </row>
    <row r="43" spans="1:8" s="19" customFormat="1" ht="12.75" x14ac:dyDescent="0.2">
      <c r="A43" s="306" t="s">
        <v>192</v>
      </c>
      <c r="B43" s="937">
        <v>70200000</v>
      </c>
      <c r="C43" s="938"/>
      <c r="D43" s="731">
        <v>70200000</v>
      </c>
      <c r="E43" s="786"/>
      <c r="F43" s="941">
        <v>42858178.380000003</v>
      </c>
      <c r="G43" s="1015"/>
      <c r="H43" s="374">
        <v>61.051536153846151</v>
      </c>
    </row>
    <row r="44" spans="1:8" s="19" customFormat="1" ht="12.75" x14ac:dyDescent="0.2">
      <c r="A44" s="306" t="s">
        <v>193</v>
      </c>
      <c r="B44" s="937">
        <v>0</v>
      </c>
      <c r="C44" s="938"/>
      <c r="D44" s="731">
        <v>0</v>
      </c>
      <c r="E44" s="786"/>
      <c r="F44" s="1018">
        <v>0</v>
      </c>
      <c r="G44" s="1019"/>
      <c r="H44" s="374">
        <v>0</v>
      </c>
    </row>
    <row r="45" spans="1:8" s="258" customFormat="1" ht="15" customHeight="1" x14ac:dyDescent="0.2">
      <c r="A45" s="307" t="s">
        <v>460</v>
      </c>
      <c r="B45" s="986">
        <v>8980478000</v>
      </c>
      <c r="C45" s="1020"/>
      <c r="D45" s="986">
        <v>8980478000</v>
      </c>
      <c r="E45" s="1020"/>
      <c r="F45" s="986">
        <v>4655103825.2299995</v>
      </c>
      <c r="G45" s="1020"/>
      <c r="H45" s="375">
        <v>51.835813474850667</v>
      </c>
    </row>
    <row r="46" spans="1:8" s="250" customFormat="1" ht="15" customHeight="1" x14ac:dyDescent="0.15">
      <c r="A46" s="927" t="s">
        <v>194</v>
      </c>
      <c r="B46" s="1045" t="s">
        <v>108</v>
      </c>
      <c r="C46" s="1046"/>
      <c r="D46" s="924" t="s">
        <v>108</v>
      </c>
      <c r="E46" s="959"/>
      <c r="F46" s="954" t="s">
        <v>109</v>
      </c>
      <c r="G46" s="936"/>
      <c r="H46" s="936"/>
    </row>
    <row r="47" spans="1:8" s="250" customFormat="1" ht="15" customHeight="1" x14ac:dyDescent="0.2">
      <c r="A47" s="928"/>
      <c r="B47" s="925" t="s">
        <v>111</v>
      </c>
      <c r="C47" s="955"/>
      <c r="D47" s="925" t="s">
        <v>112</v>
      </c>
      <c r="E47" s="955"/>
      <c r="F47" s="924" t="s">
        <v>115</v>
      </c>
      <c r="G47" s="959"/>
      <c r="H47" s="247" t="s">
        <v>114</v>
      </c>
    </row>
    <row r="48" spans="1:8" s="250" customFormat="1" ht="15" customHeight="1" x14ac:dyDescent="0.2">
      <c r="A48" s="929"/>
      <c r="B48" s="926"/>
      <c r="C48" s="956"/>
      <c r="D48" s="926" t="s">
        <v>116</v>
      </c>
      <c r="E48" s="956"/>
      <c r="F48" s="926" t="s">
        <v>117</v>
      </c>
      <c r="G48" s="956"/>
      <c r="H48" s="248" t="s">
        <v>188</v>
      </c>
    </row>
    <row r="49" spans="1:8" s="19" customFormat="1" ht="10.5" x14ac:dyDescent="0.2">
      <c r="A49" s="288" t="s">
        <v>461</v>
      </c>
      <c r="B49" s="817">
        <v>1696655250</v>
      </c>
      <c r="C49" s="883"/>
      <c r="D49" s="817">
        <v>1696655250</v>
      </c>
      <c r="E49" s="883"/>
      <c r="F49" s="817">
        <v>859145680.98500001</v>
      </c>
      <c r="G49" s="883"/>
      <c r="H49" s="475">
        <v>50.637610733529982</v>
      </c>
    </row>
    <row r="50" spans="1:8" s="19" customFormat="1" ht="10.5" x14ac:dyDescent="0.2">
      <c r="A50" s="288" t="s">
        <v>462</v>
      </c>
      <c r="B50" s="731">
        <v>171967500</v>
      </c>
      <c r="C50" s="786"/>
      <c r="D50" s="731">
        <v>171967500</v>
      </c>
      <c r="E50" s="786"/>
      <c r="F50" s="731">
        <v>144256053.09999999</v>
      </c>
      <c r="G50" s="786"/>
      <c r="H50" s="403">
        <v>83.885648799918584</v>
      </c>
    </row>
    <row r="51" spans="1:8" s="19" customFormat="1" ht="9.75" customHeight="1" x14ac:dyDescent="0.2">
      <c r="A51" s="726" t="s">
        <v>463</v>
      </c>
      <c r="B51" s="731">
        <v>17550000</v>
      </c>
      <c r="C51" s="786"/>
      <c r="D51" s="731">
        <v>17550000</v>
      </c>
      <c r="E51" s="786"/>
      <c r="F51" s="731">
        <v>10714544.595000001</v>
      </c>
      <c r="G51" s="786"/>
      <c r="H51" s="403">
        <v>61.051536153846151</v>
      </c>
    </row>
    <row r="52" spans="1:8" s="19" customFormat="1" ht="15" customHeight="1" x14ac:dyDescent="0.2">
      <c r="A52" s="655" t="s">
        <v>464</v>
      </c>
      <c r="B52" s="943">
        <v>1886172750</v>
      </c>
      <c r="C52" s="944"/>
      <c r="D52" s="943">
        <v>1886172750</v>
      </c>
      <c r="E52" s="944"/>
      <c r="F52" s="943">
        <v>1014116278.6800001</v>
      </c>
      <c r="G52" s="944"/>
      <c r="H52" s="389">
        <v>53.765821750950437</v>
      </c>
    </row>
    <row r="53" spans="1:8" s="250" customFormat="1" ht="15" customHeight="1" x14ac:dyDescent="0.2">
      <c r="A53" s="262" t="s">
        <v>465</v>
      </c>
      <c r="B53" s="986">
        <v>7094305250</v>
      </c>
      <c r="C53" s="953"/>
      <c r="D53" s="986">
        <v>7094305250</v>
      </c>
      <c r="E53" s="953"/>
      <c r="F53" s="986">
        <v>3640987546.5499992</v>
      </c>
      <c r="G53" s="953"/>
      <c r="H53" s="375">
        <v>51.322679504804213</v>
      </c>
    </row>
    <row r="54" spans="1:8" s="250" customFormat="1" ht="15" customHeight="1" x14ac:dyDescent="0.2">
      <c r="A54" s="927" t="s">
        <v>859</v>
      </c>
      <c r="B54" s="924" t="s">
        <v>108</v>
      </c>
      <c r="C54" s="959"/>
      <c r="D54" s="924" t="s">
        <v>108</v>
      </c>
      <c r="E54" s="959"/>
      <c r="F54" s="954" t="s">
        <v>109</v>
      </c>
      <c r="G54" s="936"/>
      <c r="H54" s="936"/>
    </row>
    <row r="55" spans="1:8" s="250" customFormat="1" ht="15" customHeight="1" x14ac:dyDescent="0.2">
      <c r="A55" s="928"/>
      <c r="B55" s="925" t="s">
        <v>111</v>
      </c>
      <c r="C55" s="955"/>
      <c r="D55" s="925" t="s">
        <v>112</v>
      </c>
      <c r="E55" s="955"/>
      <c r="F55" s="924" t="s">
        <v>115</v>
      </c>
      <c r="G55" s="959"/>
      <c r="H55" s="247" t="s">
        <v>114</v>
      </c>
    </row>
    <row r="56" spans="1:8" s="250" customFormat="1" ht="15" customHeight="1" x14ac:dyDescent="0.2">
      <c r="A56" s="929"/>
      <c r="B56" s="926"/>
      <c r="C56" s="956"/>
      <c r="D56" s="926" t="s">
        <v>116</v>
      </c>
      <c r="E56" s="956"/>
      <c r="F56" s="926" t="s">
        <v>117</v>
      </c>
      <c r="G56" s="956"/>
      <c r="H56" s="248" t="s">
        <v>188</v>
      </c>
    </row>
    <row r="57" spans="1:8" s="250" customFormat="1" ht="21" x14ac:dyDescent="0.2">
      <c r="A57" s="296" t="s">
        <v>466</v>
      </c>
      <c r="B57" s="987">
        <v>0</v>
      </c>
      <c r="C57" s="988"/>
      <c r="D57" s="731">
        <v>0</v>
      </c>
      <c r="E57" s="786"/>
      <c r="F57" s="987">
        <v>0</v>
      </c>
      <c r="G57" s="988"/>
      <c r="H57" s="388">
        <v>0</v>
      </c>
    </row>
    <row r="58" spans="1:8" s="250" customFormat="1" ht="10.5" x14ac:dyDescent="0.2">
      <c r="A58" s="296" t="s">
        <v>467</v>
      </c>
      <c r="B58" s="747">
        <v>47811000</v>
      </c>
      <c r="C58" s="785"/>
      <c r="D58" s="747">
        <v>57358123.190000005</v>
      </c>
      <c r="E58" s="785"/>
      <c r="F58" s="747">
        <v>37933295.390000008</v>
      </c>
      <c r="G58" s="785"/>
      <c r="H58" s="389">
        <v>66.134129361843236</v>
      </c>
    </row>
    <row r="59" spans="1:8" s="19" customFormat="1" ht="10.5" x14ac:dyDescent="0.2">
      <c r="A59" s="288" t="s">
        <v>468</v>
      </c>
      <c r="B59" s="937">
        <v>47811000</v>
      </c>
      <c r="C59" s="938"/>
      <c r="D59" s="731">
        <v>47811000</v>
      </c>
      <c r="E59" s="786"/>
      <c r="F59" s="941">
        <v>28386172.199999999</v>
      </c>
      <c r="G59" s="942"/>
      <c r="H59" s="403">
        <v>59.371634561084264</v>
      </c>
    </row>
    <row r="60" spans="1:8" s="19" customFormat="1" ht="10.5" x14ac:dyDescent="0.2">
      <c r="A60" s="288" t="s">
        <v>469</v>
      </c>
      <c r="B60" s="939">
        <v>0</v>
      </c>
      <c r="C60" s="940"/>
      <c r="D60" s="731">
        <v>0</v>
      </c>
      <c r="E60" s="786"/>
      <c r="F60" s="939">
        <v>0</v>
      </c>
      <c r="G60" s="940"/>
      <c r="H60" s="403">
        <v>0</v>
      </c>
    </row>
    <row r="61" spans="1:8" s="19" customFormat="1" ht="10.5" x14ac:dyDescent="0.2">
      <c r="A61" s="288" t="s">
        <v>470</v>
      </c>
      <c r="B61" s="939">
        <v>0</v>
      </c>
      <c r="C61" s="940"/>
      <c r="D61" s="731">
        <v>6693062.4000000004</v>
      </c>
      <c r="E61" s="786"/>
      <c r="F61" s="941">
        <v>6693062.4000000004</v>
      </c>
      <c r="G61" s="942"/>
      <c r="H61" s="403">
        <v>100</v>
      </c>
    </row>
    <row r="62" spans="1:8" s="19" customFormat="1" ht="10.5" x14ac:dyDescent="0.2">
      <c r="A62" s="288" t="s">
        <v>471</v>
      </c>
      <c r="B62" s="939">
        <v>0</v>
      </c>
      <c r="C62" s="940"/>
      <c r="D62" s="731">
        <v>4841.84</v>
      </c>
      <c r="E62" s="786"/>
      <c r="F62" s="941">
        <v>4841.84</v>
      </c>
      <c r="G62" s="942"/>
      <c r="H62" s="403">
        <v>100</v>
      </c>
    </row>
    <row r="63" spans="1:8" s="19" customFormat="1" ht="10.5" x14ac:dyDescent="0.2">
      <c r="A63" s="288" t="s">
        <v>472</v>
      </c>
      <c r="B63" s="939">
        <v>0</v>
      </c>
      <c r="C63" s="940"/>
      <c r="D63" s="731">
        <v>2849218.95</v>
      </c>
      <c r="E63" s="786"/>
      <c r="F63" s="941">
        <v>2849218.95</v>
      </c>
      <c r="G63" s="942"/>
      <c r="H63" s="403">
        <v>100</v>
      </c>
    </row>
    <row r="64" spans="1:8" s="19" customFormat="1" ht="10.5" x14ac:dyDescent="0.2">
      <c r="A64" s="288" t="s">
        <v>473</v>
      </c>
      <c r="B64" s="939">
        <v>0</v>
      </c>
      <c r="C64" s="940"/>
      <c r="D64" s="731">
        <v>0</v>
      </c>
      <c r="E64" s="786"/>
      <c r="F64" s="939">
        <v>0</v>
      </c>
      <c r="G64" s="940"/>
      <c r="H64" s="403">
        <v>0</v>
      </c>
    </row>
    <row r="65" spans="1:8" s="250" customFormat="1" ht="10.5" x14ac:dyDescent="0.2">
      <c r="A65" s="296" t="s">
        <v>474</v>
      </c>
      <c r="B65" s="939">
        <v>160903300</v>
      </c>
      <c r="C65" s="940"/>
      <c r="D65" s="939">
        <v>160903300</v>
      </c>
      <c r="E65" s="940"/>
      <c r="F65" s="1043">
        <v>22770</v>
      </c>
      <c r="G65" s="1044"/>
      <c r="H65" s="389">
        <v>1.4151356746567659E-2</v>
      </c>
    </row>
    <row r="66" spans="1:8" s="19" customFormat="1" ht="10.5" x14ac:dyDescent="0.2">
      <c r="A66" s="288" t="s">
        <v>475</v>
      </c>
      <c r="B66" s="941">
        <v>160903300</v>
      </c>
      <c r="C66" s="942"/>
      <c r="D66" s="731">
        <v>160903300</v>
      </c>
      <c r="E66" s="786"/>
      <c r="F66" s="941">
        <v>22770</v>
      </c>
      <c r="G66" s="942"/>
      <c r="H66" s="403">
        <v>1.4151356746567659E-2</v>
      </c>
    </row>
    <row r="67" spans="1:8" s="19" customFormat="1" ht="10.5" x14ac:dyDescent="0.2">
      <c r="A67" s="122" t="s">
        <v>476</v>
      </c>
      <c r="B67" s="939">
        <v>0</v>
      </c>
      <c r="C67" s="940"/>
      <c r="D67" s="731">
        <v>0</v>
      </c>
      <c r="E67" s="786"/>
      <c r="F67" s="987">
        <v>0</v>
      </c>
      <c r="G67" s="988"/>
      <c r="H67" s="389">
        <v>0</v>
      </c>
    </row>
    <row r="68" spans="1:8" s="250" customFormat="1" ht="10.5" x14ac:dyDescent="0.2">
      <c r="A68" s="296" t="s">
        <v>477</v>
      </c>
      <c r="B68" s="939">
        <v>0</v>
      </c>
      <c r="C68" s="940"/>
      <c r="D68" s="731">
        <v>0</v>
      </c>
      <c r="E68" s="786"/>
      <c r="F68" s="987">
        <v>0</v>
      </c>
      <c r="G68" s="988"/>
      <c r="H68" s="389">
        <v>0</v>
      </c>
    </row>
    <row r="69" spans="1:8" s="250" customFormat="1" ht="15" customHeight="1" x14ac:dyDescent="0.2">
      <c r="A69" s="263" t="s">
        <v>780</v>
      </c>
      <c r="B69" s="989">
        <v>0</v>
      </c>
      <c r="C69" s="990"/>
      <c r="D69" s="989">
        <v>0</v>
      </c>
      <c r="E69" s="990"/>
      <c r="F69" s="989">
        <v>0</v>
      </c>
      <c r="G69" s="990"/>
      <c r="H69" s="388">
        <v>0</v>
      </c>
    </row>
    <row r="70" spans="1:8" s="250" customFormat="1" ht="26.25" customHeight="1" x14ac:dyDescent="0.2">
      <c r="A70" s="643" t="s">
        <v>805</v>
      </c>
      <c r="B70" s="1049">
        <v>208714300</v>
      </c>
      <c r="C70" s="1049">
        <v>0</v>
      </c>
      <c r="D70" s="1049">
        <v>218261423.19</v>
      </c>
      <c r="E70" s="1049">
        <v>0</v>
      </c>
      <c r="F70" s="1049">
        <v>37956065.390000008</v>
      </c>
      <c r="G70" s="1049">
        <v>0</v>
      </c>
      <c r="H70" s="644">
        <v>17.390185052059635</v>
      </c>
    </row>
    <row r="71" spans="1:8" s="250" customFormat="1" ht="15" customHeight="1" x14ac:dyDescent="0.2">
      <c r="A71" s="936" t="s">
        <v>195</v>
      </c>
      <c r="B71" s="936"/>
      <c r="C71" s="936"/>
      <c r="D71" s="936"/>
      <c r="E71" s="936"/>
      <c r="F71" s="936"/>
      <c r="G71" s="936"/>
      <c r="H71" s="936"/>
    </row>
    <row r="72" spans="1:8" s="250" customFormat="1" ht="15" customHeight="1" x14ac:dyDescent="0.2">
      <c r="A72" s="927" t="s">
        <v>196</v>
      </c>
      <c r="B72" s="924" t="s">
        <v>108</v>
      </c>
      <c r="C72" s="959"/>
      <c r="D72" s="924" t="s">
        <v>108</v>
      </c>
      <c r="E72" s="959"/>
      <c r="F72" s="954" t="s">
        <v>109</v>
      </c>
      <c r="G72" s="936"/>
      <c r="H72" s="936"/>
    </row>
    <row r="73" spans="1:8" s="250" customFormat="1" ht="15" customHeight="1" x14ac:dyDescent="0.2">
      <c r="A73" s="928"/>
      <c r="B73" s="925" t="s">
        <v>111</v>
      </c>
      <c r="C73" s="955"/>
      <c r="D73" s="925" t="s">
        <v>112</v>
      </c>
      <c r="E73" s="955"/>
      <c r="F73" s="924" t="s">
        <v>115</v>
      </c>
      <c r="G73" s="959"/>
      <c r="H73" s="247" t="s">
        <v>114</v>
      </c>
    </row>
    <row r="74" spans="1:8" s="250" customFormat="1" ht="15" customHeight="1" x14ac:dyDescent="0.2">
      <c r="A74" s="929"/>
      <c r="B74" s="926"/>
      <c r="C74" s="956"/>
      <c r="D74" s="926" t="s">
        <v>116</v>
      </c>
      <c r="E74" s="956"/>
      <c r="F74" s="926" t="s">
        <v>117</v>
      </c>
      <c r="G74" s="956"/>
      <c r="H74" s="248" t="s">
        <v>188</v>
      </c>
    </row>
    <row r="75" spans="1:8" s="250" customFormat="1" ht="10.5" x14ac:dyDescent="0.2">
      <c r="A75" s="265" t="s">
        <v>478</v>
      </c>
      <c r="B75" s="1047">
        <v>1302242850</v>
      </c>
      <c r="C75" s="1048"/>
      <c r="D75" s="1047">
        <v>1302242850</v>
      </c>
      <c r="E75" s="1048"/>
      <c r="F75" s="747">
        <v>673388012.46400011</v>
      </c>
      <c r="G75" s="785"/>
      <c r="H75" s="336">
        <v>51.709864443794039</v>
      </c>
    </row>
    <row r="76" spans="1:8" s="19" customFormat="1" ht="10.5" x14ac:dyDescent="0.2">
      <c r="A76" s="288" t="s">
        <v>479</v>
      </c>
      <c r="B76" s="949">
        <v>1017993150</v>
      </c>
      <c r="C76" s="950">
        <v>0</v>
      </c>
      <c r="D76" s="949">
        <v>1017993150</v>
      </c>
      <c r="E76" s="950">
        <v>0</v>
      </c>
      <c r="F76" s="731">
        <v>515487408.59100002</v>
      </c>
      <c r="G76" s="786">
        <v>0</v>
      </c>
      <c r="H76" s="338">
        <v>50.637610733529989</v>
      </c>
    </row>
    <row r="77" spans="1:8" s="19" customFormat="1" ht="10.5" x14ac:dyDescent="0.2">
      <c r="A77" s="288" t="s">
        <v>480</v>
      </c>
      <c r="B77" s="949">
        <v>21606200</v>
      </c>
      <c r="C77" s="950">
        <v>0</v>
      </c>
      <c r="D77" s="949">
        <v>21606200</v>
      </c>
      <c r="E77" s="950">
        <v>0</v>
      </c>
      <c r="F77" s="731">
        <v>8779420.8939999994</v>
      </c>
      <c r="G77" s="786">
        <v>0</v>
      </c>
      <c r="H77" s="338">
        <v>40.633803695235628</v>
      </c>
    </row>
    <row r="78" spans="1:8" s="19" customFormat="1" ht="10.5" x14ac:dyDescent="0.2">
      <c r="A78" s="288" t="s">
        <v>481</v>
      </c>
      <c r="B78" s="949">
        <v>34393500</v>
      </c>
      <c r="C78" s="950">
        <v>0</v>
      </c>
      <c r="D78" s="949">
        <v>34393500</v>
      </c>
      <c r="E78" s="950">
        <v>0</v>
      </c>
      <c r="F78" s="731">
        <v>28851210.620000001</v>
      </c>
      <c r="G78" s="786">
        <v>0</v>
      </c>
      <c r="H78" s="338">
        <v>83.885648799918584</v>
      </c>
    </row>
    <row r="79" spans="1:8" s="19" customFormat="1" ht="10.5" x14ac:dyDescent="0.2">
      <c r="A79" s="288" t="s">
        <v>482</v>
      </c>
      <c r="B79" s="949">
        <v>214100000</v>
      </c>
      <c r="C79" s="950">
        <v>0</v>
      </c>
      <c r="D79" s="949">
        <v>214100000</v>
      </c>
      <c r="E79" s="950">
        <v>0</v>
      </c>
      <c r="F79" s="731">
        <v>112035569.97600001</v>
      </c>
      <c r="G79" s="786">
        <v>0</v>
      </c>
      <c r="H79" s="338">
        <v>52.328617457262972</v>
      </c>
    </row>
    <row r="80" spans="1:8" s="19" customFormat="1" ht="10.5" x14ac:dyDescent="0.2">
      <c r="A80" s="288" t="s">
        <v>483</v>
      </c>
      <c r="B80" s="949">
        <v>3620000</v>
      </c>
      <c r="C80" s="950">
        <v>0</v>
      </c>
      <c r="D80" s="949">
        <v>3620000</v>
      </c>
      <c r="E80" s="950">
        <v>0</v>
      </c>
      <c r="F80" s="731">
        <v>1805675.6260000002</v>
      </c>
      <c r="G80" s="786">
        <v>0</v>
      </c>
      <c r="H80" s="338">
        <v>49.880542154696137</v>
      </c>
    </row>
    <row r="81" spans="1:8" s="19" customFormat="1" ht="10.5" x14ac:dyDescent="0.2">
      <c r="A81" s="288" t="s">
        <v>484</v>
      </c>
      <c r="B81" s="949">
        <v>10530000</v>
      </c>
      <c r="C81" s="950">
        <v>0</v>
      </c>
      <c r="D81" s="949">
        <v>10530000</v>
      </c>
      <c r="E81" s="950">
        <v>0</v>
      </c>
      <c r="F81" s="731">
        <v>6428726.7570000011</v>
      </c>
      <c r="G81" s="786">
        <v>0</v>
      </c>
      <c r="H81" s="338">
        <v>61.051536153846165</v>
      </c>
    </row>
    <row r="82" spans="1:8" s="250" customFormat="1" ht="10.5" x14ac:dyDescent="0.2">
      <c r="A82" s="296" t="s">
        <v>485</v>
      </c>
      <c r="B82" s="947">
        <v>927764000</v>
      </c>
      <c r="C82" s="948"/>
      <c r="D82" s="947">
        <v>929580651.65999997</v>
      </c>
      <c r="E82" s="948"/>
      <c r="F82" s="747">
        <v>439757413.45000005</v>
      </c>
      <c r="G82" s="785"/>
      <c r="H82" s="354">
        <v>47.307074718552137</v>
      </c>
    </row>
    <row r="83" spans="1:8" s="19" customFormat="1" ht="10.5" x14ac:dyDescent="0.2">
      <c r="A83" s="288" t="s">
        <v>486</v>
      </c>
      <c r="B83" s="949">
        <v>927764000</v>
      </c>
      <c r="C83" s="950"/>
      <c r="D83" s="731">
        <v>927764000</v>
      </c>
      <c r="E83" s="786"/>
      <c r="F83" s="805">
        <v>437940761.79000002</v>
      </c>
      <c r="G83" s="806"/>
      <c r="H83" s="338">
        <v>47.203896873558364</v>
      </c>
    </row>
    <row r="84" spans="1:8" s="19" customFormat="1" ht="10.5" x14ac:dyDescent="0.2">
      <c r="A84" s="288" t="s">
        <v>487</v>
      </c>
      <c r="B84" s="949">
        <v>0</v>
      </c>
      <c r="C84" s="950"/>
      <c r="D84" s="731">
        <v>0</v>
      </c>
      <c r="E84" s="786"/>
      <c r="F84" s="747">
        <v>0</v>
      </c>
      <c r="G84" s="785"/>
      <c r="H84" s="674">
        <v>0</v>
      </c>
    </row>
    <row r="85" spans="1:8" s="19" customFormat="1" ht="10.5" x14ac:dyDescent="0.2">
      <c r="A85" s="294" t="s">
        <v>488</v>
      </c>
      <c r="B85" s="991">
        <v>0</v>
      </c>
      <c r="C85" s="992"/>
      <c r="D85" s="731">
        <v>1816651.66</v>
      </c>
      <c r="E85" s="786"/>
      <c r="F85" s="731">
        <v>1816651.66</v>
      </c>
      <c r="G85" s="786"/>
      <c r="H85" s="674">
        <v>100</v>
      </c>
    </row>
    <row r="86" spans="1:8" s="250" customFormat="1" ht="15" customHeight="1" x14ac:dyDescent="0.2">
      <c r="A86" s="262" t="s">
        <v>489</v>
      </c>
      <c r="B86" s="993">
        <v>-374478850</v>
      </c>
      <c r="C86" s="994"/>
      <c r="D86" s="993">
        <v>-374478850</v>
      </c>
      <c r="E86" s="994"/>
      <c r="F86" s="727">
        <v>-235447250.67400008</v>
      </c>
      <c r="G86" s="728"/>
      <c r="H86" s="375">
        <v>62.873310648652151</v>
      </c>
    </row>
    <row r="87" spans="1:8" s="19" customFormat="1" ht="10.5" customHeight="1" x14ac:dyDescent="0.2">
      <c r="A87" s="312" t="s">
        <v>435</v>
      </c>
      <c r="B87" s="310"/>
      <c r="C87" s="310"/>
      <c r="D87" s="310"/>
      <c r="E87" s="310"/>
      <c r="F87" s="578"/>
      <c r="H87" s="92"/>
    </row>
    <row r="88" spans="1:8" s="19" customFormat="1" ht="10.5" customHeight="1" x14ac:dyDescent="0.2">
      <c r="A88" s="118" t="s">
        <v>436</v>
      </c>
      <c r="B88" s="311"/>
      <c r="C88" s="311"/>
      <c r="D88" s="311"/>
      <c r="E88" s="311"/>
      <c r="F88" s="311"/>
      <c r="H88" s="101"/>
    </row>
    <row r="89" spans="1:8" s="250" customFormat="1" ht="51.75" customHeight="1" x14ac:dyDescent="0.2">
      <c r="A89" s="927" t="s">
        <v>197</v>
      </c>
      <c r="B89" s="90" t="s">
        <v>157</v>
      </c>
      <c r="C89" s="90" t="s">
        <v>157</v>
      </c>
      <c r="D89" s="954" t="s">
        <v>158</v>
      </c>
      <c r="E89" s="936"/>
      <c r="F89" s="954" t="s">
        <v>159</v>
      </c>
      <c r="G89" s="936"/>
      <c r="H89" s="996" t="s">
        <v>781</v>
      </c>
    </row>
    <row r="90" spans="1:8" s="250" customFormat="1" ht="15" customHeight="1" x14ac:dyDescent="0.2">
      <c r="A90" s="928"/>
      <c r="B90" s="91" t="s">
        <v>111</v>
      </c>
      <c r="C90" s="91" t="s">
        <v>112</v>
      </c>
      <c r="D90" s="90" t="s">
        <v>115</v>
      </c>
      <c r="E90" s="247" t="s">
        <v>114</v>
      </c>
      <c r="F90" s="266" t="s">
        <v>115</v>
      </c>
      <c r="G90" s="247" t="s">
        <v>114</v>
      </c>
      <c r="H90" s="997"/>
    </row>
    <row r="91" spans="1:8" s="250" customFormat="1" ht="15" customHeight="1" x14ac:dyDescent="0.2">
      <c r="A91" s="929"/>
      <c r="B91" s="246"/>
      <c r="C91" s="245" t="s">
        <v>162</v>
      </c>
      <c r="D91" s="245" t="s">
        <v>163</v>
      </c>
      <c r="E91" s="248" t="s">
        <v>198</v>
      </c>
      <c r="F91" s="245" t="s">
        <v>164</v>
      </c>
      <c r="G91" s="248" t="s">
        <v>455</v>
      </c>
      <c r="H91" s="268" t="s">
        <v>353</v>
      </c>
    </row>
    <row r="92" spans="1:8" s="250" customFormat="1" ht="10.5" x14ac:dyDescent="0.2">
      <c r="A92" s="265" t="s">
        <v>490</v>
      </c>
      <c r="B92" s="461">
        <v>921164000</v>
      </c>
      <c r="C92" s="579">
        <v>921164000</v>
      </c>
      <c r="D92" s="579">
        <v>576441779.11000001</v>
      </c>
      <c r="E92" s="464">
        <v>62.577540927565558</v>
      </c>
      <c r="F92" s="579">
        <v>486975405.26999998</v>
      </c>
      <c r="G92" s="575">
        <v>52.865223268603636</v>
      </c>
      <c r="H92" s="582">
        <v>0</v>
      </c>
    </row>
    <row r="93" spans="1:8" s="19" customFormat="1" ht="10.5" x14ac:dyDescent="0.2">
      <c r="A93" s="288" t="s">
        <v>491</v>
      </c>
      <c r="B93" s="463">
        <v>552698400</v>
      </c>
      <c r="C93" s="604">
        <v>552698400</v>
      </c>
      <c r="D93" s="724">
        <v>345865067.46600002</v>
      </c>
      <c r="E93" s="465">
        <v>62.577540927565565</v>
      </c>
      <c r="F93" s="724">
        <v>292185243.162</v>
      </c>
      <c r="G93" s="465">
        <v>52.865223268603636</v>
      </c>
      <c r="H93" s="583">
        <v>0</v>
      </c>
    </row>
    <row r="94" spans="1:8" s="19" customFormat="1" ht="10.5" x14ac:dyDescent="0.2">
      <c r="A94" s="288" t="s">
        <v>492</v>
      </c>
      <c r="B94" s="463">
        <v>368465600</v>
      </c>
      <c r="C94" s="604">
        <v>368465600</v>
      </c>
      <c r="D94" s="724">
        <v>230576711.64400002</v>
      </c>
      <c r="E94" s="465">
        <v>62.577540927565565</v>
      </c>
      <c r="F94" s="724">
        <v>194790162.10800001</v>
      </c>
      <c r="G94" s="465">
        <v>52.865223268603636</v>
      </c>
      <c r="H94" s="583">
        <v>0</v>
      </c>
    </row>
    <row r="95" spans="1:8" s="250" customFormat="1" ht="10.5" x14ac:dyDescent="0.2">
      <c r="A95" s="296" t="s">
        <v>493</v>
      </c>
      <c r="B95" s="462">
        <v>6600000</v>
      </c>
      <c r="C95" s="580">
        <v>6600000</v>
      </c>
      <c r="D95" s="580">
        <v>3827601.36</v>
      </c>
      <c r="E95" s="464">
        <v>57.993960000000001</v>
      </c>
      <c r="F95" s="580">
        <v>1181136.58</v>
      </c>
      <c r="G95" s="464">
        <v>17.896008787878788</v>
      </c>
      <c r="H95" s="583">
        <v>0</v>
      </c>
    </row>
    <row r="96" spans="1:8" s="19" customFormat="1" ht="10.5" x14ac:dyDescent="0.2">
      <c r="A96" s="288" t="s">
        <v>494</v>
      </c>
      <c r="B96" s="463">
        <v>6600000</v>
      </c>
      <c r="C96" s="604">
        <v>6600000</v>
      </c>
      <c r="D96" s="604">
        <v>3827601.36</v>
      </c>
      <c r="E96" s="465">
        <v>57.993960000000001</v>
      </c>
      <c r="F96" s="604">
        <v>1181136.58</v>
      </c>
      <c r="G96" s="465">
        <v>17.896008787878788</v>
      </c>
      <c r="H96" s="583">
        <v>0</v>
      </c>
    </row>
    <row r="97" spans="1:8" s="19" customFormat="1" ht="10.5" x14ac:dyDescent="0.2">
      <c r="A97" s="294" t="s">
        <v>495</v>
      </c>
      <c r="B97" s="466">
        <v>0</v>
      </c>
      <c r="C97" s="581">
        <v>0</v>
      </c>
      <c r="D97" s="581">
        <v>0</v>
      </c>
      <c r="E97" s="467">
        <v>0</v>
      </c>
      <c r="F97" s="581">
        <v>0</v>
      </c>
      <c r="G97" s="468">
        <v>0</v>
      </c>
      <c r="H97" s="584">
        <v>0</v>
      </c>
    </row>
    <row r="98" spans="1:8" s="250" customFormat="1" ht="15" customHeight="1" x14ac:dyDescent="0.2">
      <c r="A98" s="262" t="s">
        <v>496</v>
      </c>
      <c r="B98" s="378">
        <v>927764000</v>
      </c>
      <c r="C98" s="378">
        <v>927764000</v>
      </c>
      <c r="D98" s="378">
        <v>580269380.47000003</v>
      </c>
      <c r="E98" s="576">
        <v>62.544933891593125</v>
      </c>
      <c r="F98" s="378">
        <v>488156541.84999996</v>
      </c>
      <c r="G98" s="469">
        <v>52.616456539594111</v>
      </c>
      <c r="H98" s="470">
        <v>0</v>
      </c>
    </row>
    <row r="99" spans="1:8" s="19" customFormat="1" ht="15" customHeight="1" x14ac:dyDescent="0.2">
      <c r="A99" s="936" t="s">
        <v>437</v>
      </c>
      <c r="B99" s="936"/>
      <c r="C99" s="936"/>
      <c r="D99" s="936"/>
      <c r="E99" s="936"/>
      <c r="F99" s="936"/>
      <c r="G99" s="936"/>
      <c r="H99" s="936"/>
    </row>
    <row r="100" spans="1:8" s="250" customFormat="1" ht="10.5" x14ac:dyDescent="0.2">
      <c r="A100" s="977" t="s">
        <v>497</v>
      </c>
      <c r="B100" s="977"/>
      <c r="C100" s="977"/>
      <c r="D100" s="977"/>
      <c r="E100" s="977"/>
      <c r="F100" s="978"/>
      <c r="G100" s="962">
        <v>0</v>
      </c>
      <c r="H100" s="963"/>
    </row>
    <row r="101" spans="1:8" s="19" customFormat="1" ht="10.5" x14ac:dyDescent="0.2">
      <c r="A101" s="967" t="s">
        <v>498</v>
      </c>
      <c r="B101" s="967"/>
      <c r="C101" s="967"/>
      <c r="D101" s="967"/>
      <c r="E101" s="967"/>
      <c r="F101" s="968"/>
      <c r="G101" s="937">
        <v>0</v>
      </c>
      <c r="H101" s="964"/>
    </row>
    <row r="102" spans="1:8" s="19" customFormat="1" ht="10.5" x14ac:dyDescent="0.2">
      <c r="A102" s="967" t="s">
        <v>499</v>
      </c>
      <c r="B102" s="967"/>
      <c r="C102" s="967"/>
      <c r="D102" s="967"/>
      <c r="E102" s="967"/>
      <c r="F102" s="968"/>
      <c r="G102" s="937">
        <v>0</v>
      </c>
      <c r="H102" s="964"/>
    </row>
    <row r="103" spans="1:8" s="250" customFormat="1" ht="12.75" customHeight="1" x14ac:dyDescent="0.2">
      <c r="A103" s="946" t="s">
        <v>500</v>
      </c>
      <c r="B103" s="946"/>
      <c r="C103" s="946"/>
      <c r="D103" s="946"/>
      <c r="E103" s="946"/>
      <c r="F103" s="995"/>
      <c r="G103" s="937">
        <v>0</v>
      </c>
      <c r="H103" s="964"/>
    </row>
    <row r="104" spans="1:8" s="19" customFormat="1" ht="13.5" customHeight="1" x14ac:dyDescent="0.2">
      <c r="A104" s="967" t="s">
        <v>501</v>
      </c>
      <c r="B104" s="967"/>
      <c r="C104" s="967"/>
      <c r="D104" s="967"/>
      <c r="E104" s="967"/>
      <c r="F104" s="968"/>
      <c r="G104" s="937">
        <v>0</v>
      </c>
      <c r="H104" s="964"/>
    </row>
    <row r="105" spans="1:8" s="19" customFormat="1" ht="10.5" x14ac:dyDescent="0.2">
      <c r="A105" s="1039" t="s">
        <v>502</v>
      </c>
      <c r="B105" s="1039"/>
      <c r="C105" s="1039"/>
      <c r="D105" s="1039"/>
      <c r="E105" s="1039"/>
      <c r="F105" s="1040"/>
      <c r="G105" s="1053">
        <v>0</v>
      </c>
      <c r="H105" s="1054"/>
    </row>
    <row r="106" spans="1:8" s="250" customFormat="1" ht="15" customHeight="1" x14ac:dyDescent="0.2">
      <c r="A106" s="965" t="s">
        <v>503</v>
      </c>
      <c r="B106" s="965"/>
      <c r="C106" s="965"/>
      <c r="D106" s="965"/>
      <c r="E106" s="965"/>
      <c r="F106" s="966"/>
      <c r="G106" s="979">
        <v>0</v>
      </c>
      <c r="H106" s="980"/>
    </row>
    <row r="107" spans="1:8" s="250" customFormat="1" ht="15" customHeight="1" x14ac:dyDescent="0.2">
      <c r="A107" s="965" t="s">
        <v>438</v>
      </c>
      <c r="B107" s="965"/>
      <c r="C107" s="965"/>
      <c r="D107" s="965"/>
      <c r="E107" s="965"/>
      <c r="F107" s="966"/>
      <c r="G107" s="954" t="s">
        <v>209</v>
      </c>
      <c r="H107" s="936"/>
    </row>
    <row r="108" spans="1:8" s="250" customFormat="1" ht="12.75" customHeight="1" x14ac:dyDescent="0.2">
      <c r="A108" s="1032" t="s">
        <v>504</v>
      </c>
      <c r="B108" s="1032"/>
      <c r="C108" s="1032"/>
      <c r="D108" s="1032"/>
      <c r="E108" s="1032"/>
      <c r="F108" s="1033"/>
      <c r="G108" s="962">
        <v>488156541.84999996</v>
      </c>
      <c r="H108" s="981" t="e">
        <v>#DIV/0!</v>
      </c>
    </row>
    <row r="109" spans="1:8" s="19" customFormat="1" ht="16.5" customHeight="1" x14ac:dyDescent="0.2">
      <c r="A109" s="984" t="s">
        <v>640</v>
      </c>
      <c r="B109" s="984"/>
      <c r="C109" s="984"/>
      <c r="D109" s="984"/>
      <c r="E109" s="984"/>
      <c r="F109" s="985"/>
      <c r="G109" s="969">
        <v>110.73728159567879</v>
      </c>
      <c r="H109" s="970"/>
    </row>
    <row r="110" spans="1:8" s="19" customFormat="1" ht="10.5" x14ac:dyDescent="0.2">
      <c r="A110" s="984" t="s">
        <v>505</v>
      </c>
      <c r="B110" s="984"/>
      <c r="C110" s="984"/>
      <c r="D110" s="984"/>
      <c r="E110" s="984"/>
      <c r="F110" s="985"/>
      <c r="G110" s="969">
        <v>0.26858821338194311</v>
      </c>
      <c r="H110" s="970" t="e">
        <v>#DIV/0!</v>
      </c>
    </row>
    <row r="111" spans="1:8" s="19" customFormat="1" ht="15" customHeight="1" x14ac:dyDescent="0.2">
      <c r="A111" s="982" t="s">
        <v>506</v>
      </c>
      <c r="B111" s="982"/>
      <c r="C111" s="982"/>
      <c r="D111" s="982"/>
      <c r="E111" s="982"/>
      <c r="F111" s="983"/>
      <c r="G111" s="971">
        <v>-11.005869809060741</v>
      </c>
      <c r="H111" s="972"/>
    </row>
    <row r="112" spans="1:8" s="250" customFormat="1" ht="15" customHeight="1" x14ac:dyDescent="0.2">
      <c r="A112" s="936" t="s">
        <v>342</v>
      </c>
      <c r="B112" s="936"/>
      <c r="C112" s="936"/>
      <c r="D112" s="936"/>
      <c r="E112" s="936"/>
      <c r="F112" s="953"/>
      <c r="G112" s="954" t="s">
        <v>209</v>
      </c>
      <c r="H112" s="936"/>
    </row>
    <row r="113" spans="1:8" s="250" customFormat="1" ht="15" customHeight="1" x14ac:dyDescent="0.2">
      <c r="A113" s="960" t="s">
        <v>815</v>
      </c>
      <c r="B113" s="960"/>
      <c r="C113" s="960"/>
      <c r="D113" s="960"/>
      <c r="E113" s="960"/>
      <c r="F113" s="961"/>
      <c r="G113" s="973">
        <v>0</v>
      </c>
      <c r="H113" s="974"/>
    </row>
    <row r="114" spans="1:8" s="250" customFormat="1" ht="17.25" customHeight="1" x14ac:dyDescent="0.2">
      <c r="A114" s="1016" t="s">
        <v>816</v>
      </c>
      <c r="B114" s="1016"/>
      <c r="C114" s="1016"/>
      <c r="D114" s="1016"/>
      <c r="E114" s="1016"/>
      <c r="F114" s="1017"/>
      <c r="G114" s="975">
        <v>0</v>
      </c>
      <c r="H114" s="976"/>
    </row>
    <row r="115" spans="1:8" s="19" customFormat="1" ht="15" customHeight="1" x14ac:dyDescent="0.2">
      <c r="A115" s="936" t="s">
        <v>341</v>
      </c>
      <c r="B115" s="936"/>
      <c r="C115" s="936"/>
      <c r="D115" s="936"/>
      <c r="E115" s="936"/>
      <c r="F115" s="936"/>
      <c r="G115" s="936"/>
      <c r="H115" s="936"/>
    </row>
    <row r="116" spans="1:8" s="250" customFormat="1" ht="15" customHeight="1" x14ac:dyDescent="0.2">
      <c r="A116" s="927" t="s">
        <v>343</v>
      </c>
      <c r="B116" s="924" t="s">
        <v>108</v>
      </c>
      <c r="C116" s="959"/>
      <c r="D116" s="924" t="s">
        <v>108</v>
      </c>
      <c r="E116" s="959"/>
      <c r="F116" s="954" t="s">
        <v>109</v>
      </c>
      <c r="G116" s="936"/>
      <c r="H116" s="936"/>
    </row>
    <row r="117" spans="1:8" s="250" customFormat="1" ht="15" customHeight="1" x14ac:dyDescent="0.2">
      <c r="A117" s="928"/>
      <c r="B117" s="925" t="s">
        <v>111</v>
      </c>
      <c r="C117" s="955"/>
      <c r="D117" s="925" t="s">
        <v>112</v>
      </c>
      <c r="E117" s="955"/>
      <c r="F117" s="924" t="s">
        <v>115</v>
      </c>
      <c r="G117" s="959"/>
      <c r="H117" s="247" t="s">
        <v>114</v>
      </c>
    </row>
    <row r="118" spans="1:8" s="250" customFormat="1" ht="15" customHeight="1" x14ac:dyDescent="0.2">
      <c r="A118" s="929"/>
      <c r="B118" s="926"/>
      <c r="C118" s="956"/>
      <c r="D118" s="926" t="s">
        <v>116</v>
      </c>
      <c r="E118" s="956"/>
      <c r="F118" s="926" t="s">
        <v>117</v>
      </c>
      <c r="G118" s="956"/>
      <c r="H118" s="248" t="s">
        <v>188</v>
      </c>
    </row>
    <row r="119" spans="1:8" s="250" customFormat="1" ht="15" customHeight="1" x14ac:dyDescent="0.2">
      <c r="A119" s="277" t="s">
        <v>782</v>
      </c>
      <c r="B119" s="957">
        <v>1773576312.5</v>
      </c>
      <c r="C119" s="958"/>
      <c r="D119" s="957">
        <v>1773576312.5</v>
      </c>
      <c r="E119" s="958"/>
      <c r="F119" s="957">
        <v>910246886.63749981</v>
      </c>
      <c r="G119" s="958"/>
      <c r="H119" s="471">
        <v>51.322679504804213</v>
      </c>
    </row>
    <row r="120" spans="1:8" s="250" customFormat="1" ht="50.1" customHeight="1" x14ac:dyDescent="0.2">
      <c r="A120" s="927" t="s">
        <v>344</v>
      </c>
      <c r="B120" s="90" t="s">
        <v>157</v>
      </c>
      <c r="C120" s="90" t="s">
        <v>157</v>
      </c>
      <c r="D120" s="954" t="s">
        <v>158</v>
      </c>
      <c r="E120" s="936"/>
      <c r="F120" s="954" t="s">
        <v>159</v>
      </c>
      <c r="G120" s="936"/>
      <c r="H120" s="274" t="s">
        <v>781</v>
      </c>
    </row>
    <row r="121" spans="1:8" customFormat="1" ht="15" customHeight="1" x14ac:dyDescent="0.2">
      <c r="A121" s="928"/>
      <c r="B121" s="91" t="s">
        <v>111</v>
      </c>
      <c r="C121" s="91" t="s">
        <v>112</v>
      </c>
      <c r="D121" s="90" t="s">
        <v>115</v>
      </c>
      <c r="E121" s="247" t="s">
        <v>114</v>
      </c>
      <c r="F121" s="90" t="s">
        <v>115</v>
      </c>
      <c r="G121" s="247" t="s">
        <v>114</v>
      </c>
      <c r="H121" s="275"/>
    </row>
    <row r="122" spans="1:8" s="250" customFormat="1" ht="15" customHeight="1" x14ac:dyDescent="0.2">
      <c r="A122" s="929"/>
      <c r="B122" s="246"/>
      <c r="C122" s="245" t="s">
        <v>162</v>
      </c>
      <c r="D122" s="245" t="s">
        <v>163</v>
      </c>
      <c r="E122" s="248" t="s">
        <v>198</v>
      </c>
      <c r="F122" s="245" t="s">
        <v>164</v>
      </c>
      <c r="G122" s="248" t="s">
        <v>455</v>
      </c>
      <c r="H122" s="267" t="s">
        <v>353</v>
      </c>
    </row>
    <row r="123" spans="1:8" s="250" customFormat="1" ht="10.5" x14ac:dyDescent="0.2">
      <c r="A123" s="265" t="s">
        <v>507</v>
      </c>
      <c r="B123" s="376">
        <v>140400</v>
      </c>
      <c r="C123" s="567">
        <v>140400</v>
      </c>
      <c r="D123" s="585">
        <v>0</v>
      </c>
      <c r="E123" s="588">
        <v>0</v>
      </c>
      <c r="F123" s="567">
        <v>0</v>
      </c>
      <c r="G123" s="585">
        <v>0</v>
      </c>
      <c r="H123" s="460">
        <v>0</v>
      </c>
    </row>
    <row r="124" spans="1:8" s="19" customFormat="1" ht="10.5" x14ac:dyDescent="0.2">
      <c r="A124" s="288" t="s">
        <v>508</v>
      </c>
      <c r="B124" s="422">
        <v>140400</v>
      </c>
      <c r="C124" s="599">
        <v>140400</v>
      </c>
      <c r="D124" s="473">
        <v>0</v>
      </c>
      <c r="E124" s="588">
        <v>0</v>
      </c>
      <c r="F124" s="567">
        <v>0</v>
      </c>
      <c r="G124" s="473">
        <v>0</v>
      </c>
      <c r="H124" s="545">
        <v>0</v>
      </c>
    </row>
    <row r="125" spans="1:8" customFormat="1" ht="12.75" x14ac:dyDescent="0.2">
      <c r="A125" s="288" t="s">
        <v>509</v>
      </c>
      <c r="B125" s="422"/>
      <c r="C125" s="567"/>
      <c r="D125" s="473"/>
      <c r="E125" s="588"/>
      <c r="F125" s="567"/>
      <c r="G125" s="473"/>
      <c r="H125" s="545">
        <v>0</v>
      </c>
    </row>
    <row r="126" spans="1:8" s="250" customFormat="1" ht="10.5" x14ac:dyDescent="0.2">
      <c r="A126" s="296" t="s">
        <v>510</v>
      </c>
      <c r="B126" s="464">
        <v>571144100</v>
      </c>
      <c r="C126" s="567">
        <v>573954700</v>
      </c>
      <c r="D126" s="473">
        <v>362516010.28600001</v>
      </c>
      <c r="E126" s="464">
        <v>63.161084016909349</v>
      </c>
      <c r="F126" s="567">
        <v>296057999.542</v>
      </c>
      <c r="G126" s="418">
        <v>51.582119554382956</v>
      </c>
      <c r="H126" s="545">
        <v>0</v>
      </c>
    </row>
    <row r="127" spans="1:8" s="19" customFormat="1" ht="10.5" x14ac:dyDescent="0.2">
      <c r="A127" s="288" t="s">
        <v>511</v>
      </c>
      <c r="B127" s="422">
        <v>559298400</v>
      </c>
      <c r="C127" s="599">
        <v>559298400</v>
      </c>
      <c r="D127" s="605">
        <v>349692668.82600003</v>
      </c>
      <c r="E127" s="568">
        <v>62.523452387133602</v>
      </c>
      <c r="F127" s="594">
        <v>293366379.74199998</v>
      </c>
      <c r="G127" s="586">
        <v>52.45256910121681</v>
      </c>
      <c r="H127" s="545">
        <v>0</v>
      </c>
    </row>
    <row r="128" spans="1:8" s="19" customFormat="1" ht="10.5" x14ac:dyDescent="0.2">
      <c r="A128" s="288" t="s">
        <v>512</v>
      </c>
      <c r="B128" s="422">
        <v>11845700</v>
      </c>
      <c r="C128" s="599">
        <v>14656300</v>
      </c>
      <c r="D128" s="605">
        <v>12823341.460000001</v>
      </c>
      <c r="E128" s="568">
        <v>87.493715739988957</v>
      </c>
      <c r="F128" s="594">
        <v>2691619.8</v>
      </c>
      <c r="G128" s="586">
        <v>18.364933850971934</v>
      </c>
      <c r="H128" s="545">
        <v>0</v>
      </c>
    </row>
    <row r="129" spans="1:8" s="250" customFormat="1" ht="10.5" x14ac:dyDescent="0.2">
      <c r="A129" s="296" t="s">
        <v>513</v>
      </c>
      <c r="B129" s="377">
        <v>396382800</v>
      </c>
      <c r="C129" s="567">
        <v>391391862</v>
      </c>
      <c r="D129" s="473">
        <v>237337439.52400002</v>
      </c>
      <c r="E129" s="423">
        <v>60.63933938514031</v>
      </c>
      <c r="F129" s="567">
        <v>195138404.32800001</v>
      </c>
      <c r="G129" s="418">
        <v>49.857552819532053</v>
      </c>
      <c r="H129" s="545">
        <v>0</v>
      </c>
    </row>
    <row r="130" spans="1:8" s="19" customFormat="1" ht="10.5" x14ac:dyDescent="0.2">
      <c r="A130" s="288" t="s">
        <v>514</v>
      </c>
      <c r="B130" s="422">
        <v>368465600</v>
      </c>
      <c r="C130" s="599">
        <v>368465600</v>
      </c>
      <c r="D130" s="605">
        <v>230576711.64400002</v>
      </c>
      <c r="E130" s="568">
        <v>62.577540927565565</v>
      </c>
      <c r="F130" s="594">
        <v>194790162.10800001</v>
      </c>
      <c r="G130" s="586">
        <v>52.865223268603636</v>
      </c>
      <c r="H130" s="545">
        <v>0</v>
      </c>
    </row>
    <row r="131" spans="1:8" s="19" customFormat="1" ht="10.5" x14ac:dyDescent="0.2">
      <c r="A131" s="288" t="s">
        <v>515</v>
      </c>
      <c r="B131" s="422">
        <v>27917200</v>
      </c>
      <c r="C131" s="599">
        <v>22926262</v>
      </c>
      <c r="D131" s="605">
        <v>6760727.8799999999</v>
      </c>
      <c r="E131" s="568">
        <v>29.489010812141984</v>
      </c>
      <c r="F131" s="594">
        <v>348242.22</v>
      </c>
      <c r="G131" s="473">
        <v>1.5189664150222133</v>
      </c>
      <c r="H131" s="545">
        <v>0</v>
      </c>
    </row>
    <row r="132" spans="1:8" s="250" customFormat="1" ht="10.5" x14ac:dyDescent="0.2">
      <c r="A132" s="296" t="s">
        <v>516</v>
      </c>
      <c r="B132" s="377">
        <v>18984800</v>
      </c>
      <c r="C132" s="567">
        <v>18984800</v>
      </c>
      <c r="D132" s="473">
        <v>10482327.859999999</v>
      </c>
      <c r="E132" s="423">
        <v>55.21431808604779</v>
      </c>
      <c r="F132" s="595">
        <v>4328260.1899999995</v>
      </c>
      <c r="G132" s="418">
        <v>22.798555633980865</v>
      </c>
      <c r="H132" s="545">
        <v>0</v>
      </c>
    </row>
    <row r="133" spans="1:8" s="250" customFormat="1" ht="10.5" x14ac:dyDescent="0.2">
      <c r="A133" s="296" t="s">
        <v>517</v>
      </c>
      <c r="B133" s="377">
        <v>1775100</v>
      </c>
      <c r="C133" s="567">
        <v>5845139</v>
      </c>
      <c r="D133" s="473">
        <v>3364445.41</v>
      </c>
      <c r="E133" s="423">
        <v>57.559716030705175</v>
      </c>
      <c r="F133" s="567">
        <v>2078710.24</v>
      </c>
      <c r="G133" s="473">
        <v>35.563059150518065</v>
      </c>
      <c r="H133" s="545">
        <v>0</v>
      </c>
    </row>
    <row r="134" spans="1:8" s="250" customFormat="1" ht="10.5" x14ac:dyDescent="0.2">
      <c r="A134" s="290" t="s">
        <v>518</v>
      </c>
      <c r="B134" s="377">
        <v>532524200</v>
      </c>
      <c r="C134" s="567">
        <v>968630064.03999996</v>
      </c>
      <c r="D134" s="589">
        <v>846334028.19000006</v>
      </c>
      <c r="E134" s="423">
        <v>87.374329954211532</v>
      </c>
      <c r="F134" s="567">
        <v>714774461.76999998</v>
      </c>
      <c r="G134" s="587">
        <v>73.792306093493607</v>
      </c>
      <c r="H134" s="545">
        <v>0</v>
      </c>
    </row>
    <row r="135" spans="1:8" s="250" customFormat="1" ht="18" customHeight="1" x14ac:dyDescent="0.2">
      <c r="A135" s="262" t="s">
        <v>519</v>
      </c>
      <c r="B135" s="424">
        <v>1520951400</v>
      </c>
      <c r="C135" s="424">
        <v>1958946965.04</v>
      </c>
      <c r="D135" s="424">
        <v>1460034251.27</v>
      </c>
      <c r="E135" s="426">
        <v>74.531586476114086</v>
      </c>
      <c r="F135" s="425">
        <v>1212377836.0699999</v>
      </c>
      <c r="G135" s="357">
        <v>61.889262838988813</v>
      </c>
      <c r="H135" s="472">
        <v>0</v>
      </c>
    </row>
    <row r="136" spans="1:8" s="250" customFormat="1" ht="10.5" x14ac:dyDescent="0.2">
      <c r="A136" s="930" t="s">
        <v>345</v>
      </c>
      <c r="B136" s="930"/>
      <c r="C136" s="930"/>
      <c r="D136" s="930"/>
      <c r="E136" s="930"/>
      <c r="F136" s="927"/>
      <c r="G136" s="924" t="s">
        <v>209</v>
      </c>
      <c r="H136" s="933"/>
    </row>
    <row r="137" spans="1:8" s="250" customFormat="1" ht="12.75" customHeight="1" x14ac:dyDescent="0.2">
      <c r="A137" s="931"/>
      <c r="B137" s="931"/>
      <c r="C137" s="931"/>
      <c r="D137" s="931"/>
      <c r="E137" s="931"/>
      <c r="F137" s="928"/>
      <c r="G137" s="925"/>
      <c r="H137" s="934"/>
    </row>
    <row r="138" spans="1:8" s="250" customFormat="1" ht="10.5" x14ac:dyDescent="0.2">
      <c r="A138" s="932"/>
      <c r="B138" s="932"/>
      <c r="C138" s="932"/>
      <c r="D138" s="932"/>
      <c r="E138" s="932"/>
      <c r="F138" s="929"/>
      <c r="G138" s="926"/>
      <c r="H138" s="935"/>
    </row>
    <row r="139" spans="1:8" s="19" customFormat="1" ht="10.5" x14ac:dyDescent="0.2">
      <c r="A139" s="946" t="s">
        <v>520</v>
      </c>
      <c r="B139" s="946"/>
      <c r="C139" s="946"/>
      <c r="D139" s="946"/>
      <c r="E139" s="276"/>
      <c r="F139" s="269"/>
      <c r="G139" s="951">
        <v>-235447250.67400008</v>
      </c>
      <c r="H139" s="952"/>
    </row>
    <row r="140" spans="1:8" s="19" customFormat="1" ht="10.5" x14ac:dyDescent="0.2">
      <c r="A140" s="946" t="s">
        <v>521</v>
      </c>
      <c r="B140" s="946"/>
      <c r="C140" s="946"/>
      <c r="D140" s="946"/>
      <c r="E140" s="7"/>
      <c r="F140" s="270"/>
      <c r="G140" s="902">
        <v>0</v>
      </c>
      <c r="H140" s="945"/>
    </row>
    <row r="141" spans="1:8" s="19" customFormat="1" ht="10.5" x14ac:dyDescent="0.2">
      <c r="A141" s="946" t="s">
        <v>522</v>
      </c>
      <c r="B141" s="946"/>
      <c r="C141" s="946"/>
      <c r="D141" s="946"/>
      <c r="E141" s="7"/>
      <c r="F141" s="270"/>
      <c r="G141" s="902">
        <v>1816651.66</v>
      </c>
      <c r="H141" s="945"/>
    </row>
    <row r="142" spans="1:8" s="19" customFormat="1" ht="10.5" x14ac:dyDescent="0.2">
      <c r="A142" s="946" t="s">
        <v>523</v>
      </c>
      <c r="B142" s="946"/>
      <c r="C142" s="946"/>
      <c r="D142" s="946"/>
      <c r="E142" s="7"/>
      <c r="F142" s="270"/>
      <c r="G142" s="902">
        <v>0</v>
      </c>
      <c r="H142" s="945"/>
    </row>
    <row r="143" spans="1:8" s="19" customFormat="1" ht="10.5" x14ac:dyDescent="0.2">
      <c r="A143" s="946" t="s">
        <v>524</v>
      </c>
      <c r="B143" s="946"/>
      <c r="C143" s="946"/>
      <c r="D143" s="946"/>
      <c r="E143" s="7"/>
      <c r="F143" s="270"/>
      <c r="G143" s="809">
        <v>0</v>
      </c>
      <c r="H143" s="1004"/>
    </row>
    <row r="144" spans="1:8" s="19" customFormat="1" ht="10.5" x14ac:dyDescent="0.2">
      <c r="A144" s="946" t="s">
        <v>783</v>
      </c>
      <c r="B144" s="946"/>
      <c r="C144" s="946"/>
      <c r="D144" s="946"/>
      <c r="E144" s="7"/>
      <c r="F144" s="270"/>
      <c r="G144" s="809">
        <v>0</v>
      </c>
      <c r="H144" s="1005"/>
    </row>
    <row r="145" spans="1:8" s="19" customFormat="1" ht="12.75" customHeight="1" x14ac:dyDescent="0.2">
      <c r="A145" s="1022" t="s">
        <v>541</v>
      </c>
      <c r="B145" s="1022"/>
      <c r="C145" s="1022"/>
      <c r="D145" s="1022"/>
      <c r="E145" s="1022"/>
      <c r="F145" s="1023"/>
      <c r="G145" s="999">
        <v>999703.6</v>
      </c>
      <c r="H145" s="1000"/>
    </row>
    <row r="146" spans="1:8" s="19" customFormat="1" ht="10.5" x14ac:dyDescent="0.2">
      <c r="A146" s="1008" t="s">
        <v>784</v>
      </c>
      <c r="B146" s="1008"/>
      <c r="C146" s="1008"/>
      <c r="D146" s="1008"/>
      <c r="E146" s="297"/>
      <c r="F146" s="307"/>
      <c r="G146" s="993">
        <v>-232630895.41400009</v>
      </c>
      <c r="H146" s="1001"/>
    </row>
    <row r="147" spans="1:8" s="19" customFormat="1" ht="10.5" x14ac:dyDescent="0.2">
      <c r="A147" s="1008" t="s">
        <v>785</v>
      </c>
      <c r="B147" s="1008"/>
      <c r="C147" s="1008"/>
      <c r="D147" s="1008"/>
      <c r="E147" s="297"/>
      <c r="F147" s="307"/>
      <c r="G147" s="993">
        <v>1445008731.484</v>
      </c>
      <c r="H147" s="1001"/>
    </row>
    <row r="148" spans="1:8" s="19" customFormat="1" ht="8.25" customHeight="1" x14ac:dyDescent="0.2">
      <c r="A148" s="298"/>
      <c r="B148" s="278"/>
      <c r="C148" s="278"/>
      <c r="D148" s="278"/>
      <c r="E148" s="273"/>
      <c r="F148" s="273"/>
      <c r="G148" s="103"/>
      <c r="H148" s="103"/>
    </row>
    <row r="149" spans="1:8" s="19" customFormat="1" ht="15" customHeight="1" x14ac:dyDescent="0.2">
      <c r="A149" s="261" t="s">
        <v>786</v>
      </c>
      <c r="B149" s="261"/>
      <c r="C149" s="261"/>
      <c r="D149" s="261"/>
      <c r="E149" s="297"/>
      <c r="F149" s="307"/>
      <c r="G149" s="1002">
        <v>39.687274757454503</v>
      </c>
      <c r="H149" s="1003"/>
    </row>
    <row r="150" spans="1:8" s="19" customFormat="1" ht="6.75" customHeight="1" x14ac:dyDescent="0.2">
      <c r="A150" s="124"/>
      <c r="B150" s="124"/>
      <c r="C150" s="124"/>
      <c r="D150" s="124"/>
      <c r="E150" s="48"/>
      <c r="F150" s="48"/>
      <c r="G150" s="98"/>
      <c r="H150" s="103"/>
    </row>
    <row r="151" spans="1:8" s="19" customFormat="1" ht="15" customHeight="1" x14ac:dyDescent="0.2">
      <c r="A151" s="935" t="s">
        <v>347</v>
      </c>
      <c r="B151" s="935"/>
      <c r="C151" s="935"/>
      <c r="D151" s="935"/>
      <c r="E151" s="935"/>
      <c r="F151" s="935"/>
      <c r="G151" s="935"/>
      <c r="H151" s="935"/>
    </row>
    <row r="152" spans="1:8" s="250" customFormat="1" ht="45.75" customHeight="1" x14ac:dyDescent="0.2">
      <c r="A152" s="927" t="s">
        <v>346</v>
      </c>
      <c r="B152" s="90" t="s">
        <v>157</v>
      </c>
      <c r="C152" s="90" t="s">
        <v>157</v>
      </c>
      <c r="D152" s="954" t="s">
        <v>158</v>
      </c>
      <c r="E152" s="936"/>
      <c r="F152" s="954" t="s">
        <v>159</v>
      </c>
      <c r="G152" s="936"/>
      <c r="H152" s="546" t="s">
        <v>781</v>
      </c>
    </row>
    <row r="153" spans="1:8" s="250" customFormat="1" ht="21" customHeight="1" x14ac:dyDescent="0.2">
      <c r="A153" s="928"/>
      <c r="B153" s="91" t="s">
        <v>111</v>
      </c>
      <c r="C153" s="91" t="s">
        <v>112</v>
      </c>
      <c r="D153" s="90" t="s">
        <v>115</v>
      </c>
      <c r="E153" s="247" t="s">
        <v>114</v>
      </c>
      <c r="F153" s="90" t="s">
        <v>115</v>
      </c>
      <c r="G153" s="247" t="s">
        <v>114</v>
      </c>
      <c r="H153" s="1006" t="s">
        <v>353</v>
      </c>
    </row>
    <row r="154" spans="1:8" s="250" customFormat="1" ht="16.5" customHeight="1" x14ac:dyDescent="0.2">
      <c r="A154" s="929"/>
      <c r="B154" s="246"/>
      <c r="C154" s="245" t="s">
        <v>162</v>
      </c>
      <c r="D154" s="245" t="s">
        <v>163</v>
      </c>
      <c r="E154" s="248" t="s">
        <v>198</v>
      </c>
      <c r="F154" s="245" t="s">
        <v>164</v>
      </c>
      <c r="G154" s="248" t="s">
        <v>455</v>
      </c>
      <c r="H154" s="1007"/>
    </row>
    <row r="155" spans="1:8" s="250" customFormat="1" ht="21" x14ac:dyDescent="0.2">
      <c r="A155" s="296" t="s">
        <v>787</v>
      </c>
      <c r="B155" s="415">
        <v>0</v>
      </c>
      <c r="C155" s="415">
        <v>0</v>
      </c>
      <c r="D155" s="415">
        <v>0</v>
      </c>
      <c r="E155" s="415">
        <v>0</v>
      </c>
      <c r="F155" s="427">
        <v>0</v>
      </c>
      <c r="G155" s="428">
        <v>0</v>
      </c>
      <c r="H155" s="420">
        <v>0</v>
      </c>
    </row>
    <row r="156" spans="1:8" s="250" customFormat="1" ht="12.75" customHeight="1" x14ac:dyDescent="0.2">
      <c r="A156" s="296" t="s">
        <v>788</v>
      </c>
      <c r="B156" s="415">
        <v>47811000</v>
      </c>
      <c r="C156" s="415">
        <v>47811000</v>
      </c>
      <c r="D156" s="415">
        <v>12338020.49</v>
      </c>
      <c r="E156" s="415">
        <v>25.805819769509107</v>
      </c>
      <c r="F156" s="415">
        <v>11139135.25</v>
      </c>
      <c r="G156" s="429">
        <v>23.29826870385476</v>
      </c>
      <c r="H156" s="417">
        <v>0</v>
      </c>
    </row>
    <row r="157" spans="1:8" s="250" customFormat="1" ht="12.75" customHeight="1" x14ac:dyDescent="0.2">
      <c r="A157" s="296" t="s">
        <v>789</v>
      </c>
      <c r="B157" s="415">
        <v>200000</v>
      </c>
      <c r="C157" s="415">
        <v>15671000</v>
      </c>
      <c r="D157" s="415">
        <v>13023964.960000001</v>
      </c>
      <c r="E157" s="415">
        <v>0</v>
      </c>
      <c r="F157" s="415">
        <v>7850946.3300000001</v>
      </c>
      <c r="G157" s="429">
        <v>0</v>
      </c>
      <c r="H157" s="417">
        <v>0</v>
      </c>
    </row>
    <row r="158" spans="1:8" s="250" customFormat="1" ht="13.5" customHeight="1" x14ac:dyDescent="0.2">
      <c r="A158" s="290" t="s">
        <v>790</v>
      </c>
      <c r="B158" s="419">
        <v>161952800</v>
      </c>
      <c r="C158" s="419">
        <v>161965800</v>
      </c>
      <c r="D158" s="419">
        <v>50705790.100000001</v>
      </c>
      <c r="E158" s="419">
        <v>31.30647957778741</v>
      </c>
      <c r="F158" s="419">
        <v>22116296.48</v>
      </c>
      <c r="G158" s="430">
        <v>13.654917569017657</v>
      </c>
      <c r="H158" s="431"/>
    </row>
    <row r="159" spans="1:8" s="250" customFormat="1" ht="26.25" customHeight="1" x14ac:dyDescent="0.2">
      <c r="A159" s="262" t="s">
        <v>791</v>
      </c>
      <c r="B159" s="432">
        <v>209963800</v>
      </c>
      <c r="C159" s="433">
        <v>225447800</v>
      </c>
      <c r="D159" s="433">
        <v>76067775.550000012</v>
      </c>
      <c r="E159" s="433">
        <v>33.740748656673524</v>
      </c>
      <c r="F159" s="433">
        <v>41106378.060000002</v>
      </c>
      <c r="G159" s="432">
        <v>18.233213213879225</v>
      </c>
      <c r="H159" s="434">
        <v>0</v>
      </c>
    </row>
    <row r="160" spans="1:8" s="250" customFormat="1" ht="15.75" customHeight="1" x14ac:dyDescent="0.2">
      <c r="A160" s="262" t="s">
        <v>621</v>
      </c>
      <c r="B160" s="435">
        <v>1730915200</v>
      </c>
      <c r="C160" s="435">
        <v>2184394765.04</v>
      </c>
      <c r="D160" s="435">
        <v>1536102026.8199999</v>
      </c>
      <c r="E160" s="433">
        <v>70.321631025876911</v>
      </c>
      <c r="F160" s="357">
        <v>1253484214.1299999</v>
      </c>
      <c r="G160" s="432">
        <v>57.38359357893107</v>
      </c>
      <c r="H160" s="434">
        <v>0</v>
      </c>
    </row>
    <row r="161" spans="1:8" s="250" customFormat="1" ht="12.75" customHeight="1" x14ac:dyDescent="0.2">
      <c r="A161" s="930" t="s">
        <v>199</v>
      </c>
      <c r="B161" s="930"/>
      <c r="C161" s="924" t="s">
        <v>200</v>
      </c>
      <c r="D161" s="933"/>
      <c r="E161" s="933"/>
      <c r="F161" s="1034" t="s">
        <v>806</v>
      </c>
      <c r="G161" s="930"/>
      <c r="H161" s="930"/>
    </row>
    <row r="162" spans="1:8" s="250" customFormat="1" ht="10.5" x14ac:dyDescent="0.2">
      <c r="A162" s="931"/>
      <c r="B162" s="931"/>
      <c r="C162" s="925"/>
      <c r="D162" s="934"/>
      <c r="E162" s="934"/>
      <c r="F162" s="1035"/>
      <c r="G162" s="931"/>
      <c r="H162" s="931"/>
    </row>
    <row r="163" spans="1:8" s="250" customFormat="1" ht="10.5" x14ac:dyDescent="0.2">
      <c r="A163" s="932"/>
      <c r="B163" s="932"/>
      <c r="C163" s="926"/>
      <c r="D163" s="935"/>
      <c r="E163" s="935"/>
      <c r="F163" s="1036"/>
      <c r="G163" s="932"/>
      <c r="H163" s="932"/>
    </row>
    <row r="164" spans="1:8" s="250" customFormat="1" ht="15.75" customHeight="1" x14ac:dyDescent="0.2">
      <c r="A164" s="1032" t="s">
        <v>525</v>
      </c>
      <c r="B164" s="1032"/>
      <c r="C164" s="1009">
        <v>25808117.009999998</v>
      </c>
      <c r="D164" s="1010"/>
      <c r="E164" s="1011"/>
      <c r="F164" s="1009">
        <v>999703.6</v>
      </c>
      <c r="G164" s="1010"/>
      <c r="H164" s="1010"/>
    </row>
    <row r="165" spans="1:8" s="19" customFormat="1" ht="10.5" x14ac:dyDescent="0.2">
      <c r="A165" s="1031" t="s">
        <v>526</v>
      </c>
      <c r="B165" s="1031"/>
      <c r="C165" s="780">
        <v>25808117.009999998</v>
      </c>
      <c r="D165" s="894"/>
      <c r="E165" s="781"/>
      <c r="F165" s="780">
        <v>999703.6</v>
      </c>
      <c r="G165" s="894"/>
      <c r="H165" s="894"/>
    </row>
    <row r="166" spans="1:8" s="19" customFormat="1" ht="10.5" x14ac:dyDescent="0.2">
      <c r="A166" s="998" t="s">
        <v>527</v>
      </c>
      <c r="B166" s="998"/>
      <c r="C166" s="1012">
        <v>0</v>
      </c>
      <c r="D166" s="1013"/>
      <c r="E166" s="1014"/>
      <c r="F166" s="1012">
        <v>0</v>
      </c>
      <c r="G166" s="1013"/>
      <c r="H166" s="1013"/>
    </row>
    <row r="167" spans="1:8" s="19" customFormat="1" ht="10.5" x14ac:dyDescent="0.2">
      <c r="A167" s="308"/>
      <c r="B167" s="682"/>
      <c r="C167" s="682"/>
      <c r="D167" s="683"/>
      <c r="E167" s="683"/>
      <c r="F167" s="683"/>
      <c r="G167" s="102"/>
      <c r="H167" s="102"/>
    </row>
    <row r="168" spans="1:8" s="250" customFormat="1" ht="10.5" x14ac:dyDescent="0.2">
      <c r="A168" s="1029" t="s">
        <v>439</v>
      </c>
      <c r="B168" s="1029"/>
      <c r="C168" s="1029"/>
      <c r="D168" s="1029"/>
      <c r="E168" s="1029"/>
      <c r="F168" s="1029"/>
      <c r="G168" s="924" t="s">
        <v>209</v>
      </c>
      <c r="H168" s="933"/>
    </row>
    <row r="169" spans="1:8" s="250" customFormat="1" ht="25.5" customHeight="1" x14ac:dyDescent="0.2">
      <c r="A169" s="1030"/>
      <c r="B169" s="1030"/>
      <c r="C169" s="1030"/>
      <c r="D169" s="1030"/>
      <c r="E169" s="1030"/>
      <c r="F169" s="1030"/>
      <c r="G169" s="926"/>
      <c r="H169" s="935"/>
    </row>
    <row r="170" spans="1:8" s="250" customFormat="1" ht="10.5" x14ac:dyDescent="0.2">
      <c r="A170" s="1028" t="s">
        <v>807</v>
      </c>
      <c r="B170" s="1028"/>
      <c r="C170" s="1028"/>
      <c r="D170" s="1028"/>
      <c r="E170" s="1028"/>
      <c r="F170" s="1028"/>
      <c r="G170" s="891">
        <v>26579660.64000003</v>
      </c>
      <c r="H170" s="893"/>
    </row>
    <row r="171" spans="1:8" s="250" customFormat="1" ht="10.5" x14ac:dyDescent="0.2">
      <c r="A171" s="295" t="s">
        <v>528</v>
      </c>
      <c r="B171" s="7"/>
      <c r="C171" s="7"/>
      <c r="D171" s="7"/>
      <c r="E171" s="99"/>
      <c r="F171" s="259"/>
      <c r="G171" s="783">
        <v>437940761.79000002</v>
      </c>
      <c r="H171" s="895">
        <v>100</v>
      </c>
    </row>
    <row r="172" spans="1:8" s="250" customFormat="1" ht="10.5" x14ac:dyDescent="0.2">
      <c r="A172" s="295" t="s">
        <v>529</v>
      </c>
      <c r="B172" s="7"/>
      <c r="C172" s="7"/>
      <c r="D172" s="7"/>
      <c r="E172" s="99"/>
      <c r="F172" s="259"/>
      <c r="G172" s="783">
        <v>439152452.72999996</v>
      </c>
      <c r="H172" s="895">
        <v>0</v>
      </c>
    </row>
    <row r="173" spans="1:8" s="19" customFormat="1" ht="10.5" x14ac:dyDescent="0.2">
      <c r="A173" s="14" t="s">
        <v>530</v>
      </c>
      <c r="B173" s="14"/>
      <c r="C173" s="14"/>
      <c r="D173" s="14"/>
      <c r="E173" s="96"/>
      <c r="F173" s="95"/>
      <c r="G173" s="780">
        <v>439093219.76999998</v>
      </c>
      <c r="H173" s="894"/>
    </row>
    <row r="174" spans="1:8" s="19" customFormat="1" ht="10.5" x14ac:dyDescent="0.2">
      <c r="A174" s="287" t="s">
        <v>531</v>
      </c>
      <c r="B174" s="14"/>
      <c r="C174" s="14"/>
      <c r="D174" s="14"/>
      <c r="E174" s="96"/>
      <c r="F174" s="95"/>
      <c r="G174" s="780">
        <v>59232.959999999999</v>
      </c>
      <c r="H174" s="894"/>
    </row>
    <row r="175" spans="1:8" s="250" customFormat="1" ht="17.25" customHeight="1" x14ac:dyDescent="0.2">
      <c r="A175" s="295" t="s">
        <v>532</v>
      </c>
      <c r="B175" s="7"/>
      <c r="C175" s="7"/>
      <c r="D175" s="7"/>
      <c r="E175" s="99"/>
      <c r="F175" s="259"/>
      <c r="G175" s="783">
        <v>1816651.66</v>
      </c>
      <c r="H175" s="895"/>
    </row>
    <row r="176" spans="1:8" s="250" customFormat="1" ht="10.5" x14ac:dyDescent="0.2">
      <c r="A176" s="289" t="s">
        <v>533</v>
      </c>
      <c r="B176" s="273"/>
      <c r="C176" s="273"/>
      <c r="D176" s="273"/>
      <c r="E176" s="272"/>
      <c r="F176" s="279"/>
      <c r="G176" s="1037">
        <v>27184621.360000107</v>
      </c>
      <c r="H176" s="1038"/>
    </row>
    <row r="177" spans="1:8" s="19" customFormat="1" ht="10.5" x14ac:dyDescent="0.2">
      <c r="A177" s="52" t="s">
        <v>863</v>
      </c>
      <c r="H177" s="330"/>
    </row>
    <row r="178" spans="1:8" s="19" customFormat="1" ht="15.75" customHeight="1" x14ac:dyDescent="0.2">
      <c r="A178" s="1025" t="s">
        <v>633</v>
      </c>
      <c r="B178" s="1026"/>
      <c r="C178" s="1026"/>
      <c r="D178" s="1026"/>
      <c r="E178" s="1026"/>
      <c r="F178" s="1026"/>
    </row>
    <row r="179" spans="1:8" s="19" customFormat="1" ht="26.25" customHeight="1" x14ac:dyDescent="0.2">
      <c r="A179" s="1024" t="s">
        <v>634</v>
      </c>
      <c r="B179" s="1027"/>
      <c r="C179" s="1027"/>
      <c r="D179" s="1027"/>
      <c r="E179" s="1027"/>
      <c r="F179" s="1027"/>
    </row>
    <row r="180" spans="1:8" s="19" customFormat="1" x14ac:dyDescent="0.2">
      <c r="A180" s="1024" t="s">
        <v>635</v>
      </c>
      <c r="B180" s="1024"/>
      <c r="C180" s="1024"/>
      <c r="D180" s="1024"/>
      <c r="E180" s="1024"/>
      <c r="F180" s="1024"/>
    </row>
    <row r="181" spans="1:8" ht="15" customHeight="1" x14ac:dyDescent="0.2">
      <c r="A181" s="1024" t="s">
        <v>636</v>
      </c>
      <c r="B181" s="1024"/>
      <c r="C181" s="1024"/>
      <c r="D181" s="1024"/>
      <c r="E181" s="1024"/>
      <c r="F181" s="1024"/>
    </row>
    <row r="182" spans="1:8" x14ac:dyDescent="0.2">
      <c r="A182" s="1024" t="s">
        <v>637</v>
      </c>
      <c r="B182" s="1024"/>
      <c r="C182" s="1024"/>
      <c r="D182" s="1024"/>
      <c r="E182" s="1024"/>
      <c r="F182" s="1024"/>
    </row>
    <row r="183" spans="1:8" ht="21" customHeight="1" x14ac:dyDescent="0.2">
      <c r="A183" s="1021" t="s">
        <v>638</v>
      </c>
      <c r="B183" s="1021"/>
      <c r="C183" s="1021"/>
      <c r="D183" s="1021"/>
      <c r="E183" s="1021"/>
      <c r="F183" s="1021"/>
      <c r="G183" s="1021"/>
      <c r="H183" s="1021"/>
    </row>
    <row r="184" spans="1:8" ht="14.45" customHeight="1" x14ac:dyDescent="0.2">
      <c r="A184" s="1021" t="s">
        <v>632</v>
      </c>
      <c r="B184" s="1021"/>
      <c r="C184" s="1021"/>
    </row>
    <row r="185" spans="1:8" ht="11.25" customHeight="1" x14ac:dyDescent="0.2">
      <c r="F185" s="486"/>
    </row>
    <row r="191" spans="1:8" s="52" customFormat="1" ht="11.25" customHeight="1" x14ac:dyDescent="0.2"/>
    <row r="192" spans="1:8" s="52" customFormat="1" ht="11.25" customHeight="1" x14ac:dyDescent="0.2"/>
    <row r="193" spans="6:6" s="52" customFormat="1" ht="11.25" customHeight="1" x14ac:dyDescent="0.2"/>
    <row r="194" spans="6:6" s="52" customFormat="1" ht="11.25" customHeight="1" x14ac:dyDescent="0.2"/>
    <row r="195" spans="6:6" s="52" customFormat="1" ht="11.25" customHeight="1" x14ac:dyDescent="0.2"/>
    <row r="196" spans="6:6" s="52" customFormat="1" ht="11.25" customHeight="1" x14ac:dyDescent="0.2"/>
    <row r="197" spans="6:6" s="52" customFormat="1" ht="11.25" customHeight="1" x14ac:dyDescent="0.2"/>
    <row r="198" spans="6:6" ht="11.25" customHeight="1" x14ac:dyDescent="0.2">
      <c r="F198" s="486"/>
    </row>
  </sheetData>
  <customSheetViews>
    <customSheetView guid="{82EDB5A4-4824-4632-A540-7A52C92F04C7}" scale="90" showPageBreaks="1" showGridLines="0" printArea="1">
      <selection activeCell="B22" sqref="B22:C22"/>
      <pageMargins left="0.19685039370078741" right="0.19685039370078741" top="0.39370078740157483" bottom="0.59055118110236227" header="0" footer="0"/>
      <printOptions horizontalCentered="1"/>
      <pageSetup paperSize="9" scale="65" fitToHeight="2" orientation="landscape" r:id="rId1"/>
      <headerFooter alignWithMargins="0"/>
    </customSheetView>
    <customSheetView guid="{3AAF6A5F-F9AA-430B-9AD9-1261ECDF41B5}" showPageBreaks="1" showGridLines="0" fitToPage="1" printArea="1" topLeftCell="B164">
      <selection activeCell="G173" sqref="G173:H173"/>
      <pageMargins left="0.19685039370078741" right="0.19685039370078741" top="0.19685039370078741" bottom="0.19685039370078741" header="0" footer="0"/>
      <printOptions horizontalCentered="1"/>
      <pageSetup scale="50" fitToHeight="2" orientation="portrait" r:id="rId2"/>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3"/>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4"/>
      <headerFooter alignWithMargins="0"/>
    </customSheetView>
    <customSheetView guid="{6DBFA32C-4AA4-4E1D-9A48-697377C64CC3}" showPageBreaks="1" showGridLines="0" fitToPage="1" printArea="1">
      <selection activeCell="A6" sqref="A6:L6"/>
      <pageMargins left="0.19685039370078741" right="0.19685039370078741" top="0.39370078740157483" bottom="0.59055118110236227" header="0" footer="0"/>
      <printOptions horizontalCentered="1"/>
      <pageSetup paperSize="9" scale="49" fitToHeight="2" orientation="portrait" r:id="rId5"/>
      <headerFooter alignWithMargins="0"/>
    </customSheetView>
    <customSheetView guid="{25EF1E0D-169B-4051-B414-7E1196FC05E4}" showPageBreaks="1" showGridLines="0" fitToPage="1" printArea="1" topLeftCell="B157">
      <selection activeCell="F165" sqref="F165:H165"/>
      <pageMargins left="0.19685039370078741" right="0.19685039370078741" top="0.19685039370078741" bottom="0.19685039370078741" header="0.51181102362204722" footer="0"/>
      <printOptions horizontalCentered="1"/>
      <pageSetup scale="50" fitToHeight="2" orientation="portrait" r:id="rId6"/>
      <headerFooter alignWithMargins="0"/>
    </customSheetView>
    <customSheetView guid="{C779D862-DE28-46CD-A428-4AAA1056D1E1}" showPageBreaks="1" showGridLines="0" fitToPage="1" printArea="1">
      <selection activeCell="G173" sqref="G173:H173"/>
      <pageMargins left="0.19685039370078741" right="0.19685039370078741" top="0.39370078740157483" bottom="0.59055118110236227" header="0" footer="0"/>
      <printOptions horizontalCentered="1"/>
      <pageSetup paperSize="9" scale="49" fitToHeight="2" orientation="portrait" r:id="rId7"/>
      <headerFooter alignWithMargins="0"/>
    </customSheetView>
  </customSheetViews>
  <mergeCells count="346">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 ref="B22:C22"/>
    <mergeCell ref="D22:E22"/>
    <mergeCell ref="B75:C75"/>
    <mergeCell ref="B76:C76"/>
    <mergeCell ref="B77:C77"/>
    <mergeCell ref="B78:C78"/>
    <mergeCell ref="D75:E75"/>
    <mergeCell ref="D76:E76"/>
    <mergeCell ref="D77:E77"/>
    <mergeCell ref="D78:E78"/>
    <mergeCell ref="D67:E67"/>
    <mergeCell ref="B69:C69"/>
    <mergeCell ref="D59:E59"/>
    <mergeCell ref="D61:E61"/>
    <mergeCell ref="D62:E62"/>
    <mergeCell ref="B70:C70"/>
    <mergeCell ref="D70:E70"/>
    <mergeCell ref="B49:C49"/>
    <mergeCell ref="D24:E24"/>
    <mergeCell ref="D37:E37"/>
    <mergeCell ref="B41:C41"/>
    <mergeCell ref="D41:E41"/>
    <mergeCell ref="B117:C117"/>
    <mergeCell ref="B118:C118"/>
    <mergeCell ref="B51:C51"/>
    <mergeCell ref="D82:E82"/>
    <mergeCell ref="B79:C79"/>
    <mergeCell ref="B57:C57"/>
    <mergeCell ref="D57:E57"/>
    <mergeCell ref="F57:G57"/>
    <mergeCell ref="F78:G78"/>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F70:G70"/>
    <mergeCell ref="B31:C31"/>
    <mergeCell ref="B55:C55"/>
    <mergeCell ref="D55:E55"/>
    <mergeCell ref="D36:E36"/>
    <mergeCell ref="F36:G36"/>
    <mergeCell ref="B37:C37"/>
    <mergeCell ref="B13:C13"/>
    <mergeCell ref="D13:E13"/>
    <mergeCell ref="F13:G13"/>
    <mergeCell ref="B14:C14"/>
    <mergeCell ref="D14:E14"/>
    <mergeCell ref="F14:G14"/>
    <mergeCell ref="B15:C15"/>
    <mergeCell ref="D15:E15"/>
    <mergeCell ref="F15:G15"/>
    <mergeCell ref="F22:G22"/>
    <mergeCell ref="B23:C23"/>
    <mergeCell ref="D23:E23"/>
    <mergeCell ref="B20:C20"/>
    <mergeCell ref="F20:G20"/>
    <mergeCell ref="B21:C21"/>
    <mergeCell ref="F21:G21"/>
    <mergeCell ref="D21:E21"/>
    <mergeCell ref="B48:C48"/>
    <mergeCell ref="D27:E27"/>
    <mergeCell ref="F27:G27"/>
    <mergeCell ref="B28:C28"/>
    <mergeCell ref="D28:E28"/>
    <mergeCell ref="F28:G28"/>
    <mergeCell ref="B29:C29"/>
    <mergeCell ref="D29:E29"/>
    <mergeCell ref="F29:G29"/>
    <mergeCell ref="B30:C30"/>
    <mergeCell ref="D30:E30"/>
    <mergeCell ref="F30:G30"/>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F37:G37"/>
    <mergeCell ref="B38:C38"/>
    <mergeCell ref="D38:E38"/>
    <mergeCell ref="F38:G38"/>
    <mergeCell ref="B39:C39"/>
    <mergeCell ref="D39:E39"/>
    <mergeCell ref="F39:G39"/>
    <mergeCell ref="B40:C40"/>
    <mergeCell ref="D40:E40"/>
    <mergeCell ref="F40:G40"/>
    <mergeCell ref="F41:G41"/>
    <mergeCell ref="B42:C42"/>
    <mergeCell ref="D42:E42"/>
    <mergeCell ref="F42:G42"/>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D89:E89"/>
    <mergeCell ref="F89:G89"/>
    <mergeCell ref="A105:F105"/>
    <mergeCell ref="A89:A91"/>
    <mergeCell ref="D79:E79"/>
    <mergeCell ref="D80:E80"/>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 ref="D72:E72"/>
    <mergeCell ref="F72:H72"/>
    <mergeCell ref="A71:H71"/>
    <mergeCell ref="B73:C73"/>
    <mergeCell ref="D73:E73"/>
  </mergeCells>
  <printOptions horizontalCentered="1"/>
  <pageMargins left="0.19685039370078741" right="0.19685039370078741" top="0.39370078740157483" bottom="0.59055118110236227" header="0" footer="0"/>
  <pageSetup paperSize="9" scale="50"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36"/>
  <sheetViews>
    <sheetView showGridLines="0" zoomScaleNormal="100" workbookViewId="0"/>
  </sheetViews>
  <sheetFormatPr defaultRowHeight="10.5" x14ac:dyDescent="0.2"/>
  <cols>
    <col min="1" max="1" width="63.140625" style="88" customWidth="1"/>
    <col min="2" max="2" width="19" style="88" bestFit="1" customWidth="1"/>
    <col min="3" max="3" width="19.5703125" style="88" customWidth="1"/>
    <col min="4" max="4" width="19" style="88" customWidth="1"/>
    <col min="5" max="5" width="17.28515625" style="88" customWidth="1"/>
    <col min="6" max="6" width="19" style="88" bestFit="1" customWidth="1"/>
    <col min="7" max="7" width="17.85546875" style="88" customWidth="1"/>
    <col min="8" max="8" width="15.7109375" style="88" customWidth="1"/>
    <col min="9" max="16384" width="9.140625" style="88"/>
  </cols>
  <sheetData>
    <row r="1" spans="1:8" s="153" customFormat="1" x14ac:dyDescent="0.2">
      <c r="A1" s="151"/>
      <c r="B1" s="151"/>
      <c r="C1" s="151"/>
      <c r="D1" s="151"/>
      <c r="E1" s="151"/>
      <c r="F1" s="151"/>
      <c r="G1" s="151"/>
    </row>
    <row r="2" spans="1:8" s="153" customFormat="1" x14ac:dyDescent="0.2">
      <c r="A2" s="154"/>
      <c r="B2" s="154"/>
      <c r="C2" s="154"/>
      <c r="D2" s="154"/>
      <c r="E2" s="154"/>
    </row>
    <row r="3" spans="1:8" s="157" customFormat="1" x14ac:dyDescent="0.2">
      <c r="A3" s="1055" t="s">
        <v>641</v>
      </c>
      <c r="B3" s="1055"/>
      <c r="C3" s="1055"/>
      <c r="D3" s="1055"/>
      <c r="E3" s="1055"/>
      <c r="F3" s="1055"/>
      <c r="G3" s="1055"/>
      <c r="H3" s="1055"/>
    </row>
    <row r="4" spans="1:8" s="157" customFormat="1" x14ac:dyDescent="0.2">
      <c r="A4" s="1055" t="s">
        <v>105</v>
      </c>
      <c r="B4" s="1055"/>
      <c r="C4" s="1055"/>
      <c r="D4" s="1055"/>
      <c r="E4" s="1055"/>
      <c r="F4" s="1055"/>
      <c r="G4" s="1055"/>
      <c r="H4" s="1055"/>
    </row>
    <row r="5" spans="1:8" s="157" customFormat="1" x14ac:dyDescent="0.2">
      <c r="A5" s="1050" t="s">
        <v>393</v>
      </c>
      <c r="B5" s="1050"/>
      <c r="C5" s="1050"/>
      <c r="D5" s="1050"/>
      <c r="E5" s="1050"/>
      <c r="F5" s="1050"/>
      <c r="G5" s="1050"/>
      <c r="H5" s="1050"/>
    </row>
    <row r="6" spans="1:8" s="157" customFormat="1" x14ac:dyDescent="0.2">
      <c r="A6" s="1055" t="s">
        <v>107</v>
      </c>
      <c r="B6" s="1055"/>
      <c r="C6" s="1055"/>
      <c r="D6" s="1055"/>
      <c r="E6" s="1055"/>
      <c r="F6" s="1055"/>
      <c r="G6" s="1055"/>
      <c r="H6" s="1055"/>
    </row>
    <row r="7" spans="1:8" s="157" customFormat="1" x14ac:dyDescent="0.2">
      <c r="A7" s="1055" t="s">
        <v>874</v>
      </c>
      <c r="B7" s="1055"/>
      <c r="C7" s="1055"/>
      <c r="D7" s="1055"/>
      <c r="E7" s="1055"/>
      <c r="F7" s="1055"/>
      <c r="G7" s="1055"/>
      <c r="H7" s="1055"/>
    </row>
    <row r="8" spans="1:8" s="153" customFormat="1" x14ac:dyDescent="0.2">
      <c r="A8" s="154"/>
      <c r="B8" s="154"/>
      <c r="C8" s="154"/>
      <c r="D8" s="154"/>
      <c r="E8" s="154"/>
    </row>
    <row r="9" spans="1:8" s="153" customFormat="1" x14ac:dyDescent="0.2">
      <c r="A9" s="155" t="s">
        <v>417</v>
      </c>
      <c r="B9" s="152"/>
      <c r="C9" s="152"/>
      <c r="D9" s="152"/>
      <c r="H9" s="253">
        <v>1</v>
      </c>
    </row>
    <row r="10" spans="1:8" ht="15" customHeight="1" x14ac:dyDescent="0.2">
      <c r="A10" s="927" t="s">
        <v>394</v>
      </c>
      <c r="B10" s="1059" t="s">
        <v>429</v>
      </c>
      <c r="C10" s="924" t="s">
        <v>235</v>
      </c>
      <c r="D10" s="959"/>
      <c r="E10" s="954" t="s">
        <v>109</v>
      </c>
      <c r="F10" s="936"/>
      <c r="G10" s="936"/>
      <c r="H10" s="936"/>
    </row>
    <row r="11" spans="1:8" ht="15" customHeight="1" x14ac:dyDescent="0.2">
      <c r="A11" s="928"/>
      <c r="B11" s="1060"/>
      <c r="C11" s="925"/>
      <c r="D11" s="955"/>
      <c r="E11" s="924" t="s">
        <v>115</v>
      </c>
      <c r="F11" s="959"/>
      <c r="G11" s="924" t="s">
        <v>114</v>
      </c>
      <c r="H11" s="933"/>
    </row>
    <row r="12" spans="1:8" ht="15" customHeight="1" x14ac:dyDescent="0.2">
      <c r="A12" s="929"/>
      <c r="B12" s="1061"/>
      <c r="C12" s="1051" t="s">
        <v>116</v>
      </c>
      <c r="D12" s="1052"/>
      <c r="E12" s="1051" t="s">
        <v>117</v>
      </c>
      <c r="F12" s="1052"/>
      <c r="G12" s="1051" t="s">
        <v>224</v>
      </c>
      <c r="H12" s="1090"/>
    </row>
    <row r="13" spans="1:8" s="316" customFormat="1" ht="15" customHeight="1" x14ac:dyDescent="0.2">
      <c r="A13" s="113" t="s">
        <v>405</v>
      </c>
      <c r="B13" s="384">
        <v>7821678000</v>
      </c>
      <c r="C13" s="962">
        <v>7821678000</v>
      </c>
      <c r="D13" s="1058"/>
      <c r="E13" s="962">
        <v>4043039418.8399997</v>
      </c>
      <c r="F13" s="1058">
        <v>352808430.66999996</v>
      </c>
      <c r="G13" s="962">
        <v>51.690179765006938</v>
      </c>
      <c r="H13" s="963"/>
    </row>
    <row r="14" spans="1:8" x14ac:dyDescent="0.2">
      <c r="A14" s="94" t="s">
        <v>406</v>
      </c>
      <c r="B14" s="383">
        <v>105800000</v>
      </c>
      <c r="C14" s="937">
        <v>105800000</v>
      </c>
      <c r="D14" s="938">
        <v>105800000</v>
      </c>
      <c r="E14" s="937">
        <v>43787115.119999997</v>
      </c>
      <c r="F14" s="938">
        <v>43787115.119999997</v>
      </c>
      <c r="G14" s="937">
        <v>41.386687258979208</v>
      </c>
      <c r="H14" s="964">
        <v>41.386687258979208</v>
      </c>
    </row>
    <row r="15" spans="1:8" ht="21" x14ac:dyDescent="0.2">
      <c r="A15" s="94" t="s">
        <v>441</v>
      </c>
      <c r="B15" s="383">
        <v>6815191000</v>
      </c>
      <c r="C15" s="937">
        <v>6815191000</v>
      </c>
      <c r="D15" s="938"/>
      <c r="E15" s="937">
        <v>3448510745.9500003</v>
      </c>
      <c r="F15" s="938"/>
      <c r="G15" s="937">
        <v>50.600353621050388</v>
      </c>
      <c r="H15" s="964"/>
    </row>
    <row r="16" spans="1:8" x14ac:dyDescent="0.2">
      <c r="A16" s="94" t="s">
        <v>407</v>
      </c>
      <c r="B16" s="383">
        <v>329900000</v>
      </c>
      <c r="C16" s="937">
        <v>329900000</v>
      </c>
      <c r="D16" s="938"/>
      <c r="E16" s="937">
        <v>283040164.07999998</v>
      </c>
      <c r="F16" s="938"/>
      <c r="G16" s="937">
        <v>85.795745401636864</v>
      </c>
      <c r="H16" s="964"/>
    </row>
    <row r="17" spans="1:8" ht="12.75" customHeight="1" x14ac:dyDescent="0.2">
      <c r="A17" s="94" t="s">
        <v>395</v>
      </c>
      <c r="B17" s="383">
        <v>510400000</v>
      </c>
      <c r="C17" s="937">
        <v>510400000</v>
      </c>
      <c r="D17" s="938"/>
      <c r="E17" s="937">
        <v>241720242.22</v>
      </c>
      <c r="F17" s="938"/>
      <c r="G17" s="937">
        <v>47.358981626175549</v>
      </c>
      <c r="H17" s="964"/>
    </row>
    <row r="18" spans="1:8" ht="10.5" customHeight="1" x14ac:dyDescent="0.2">
      <c r="A18" s="94" t="s">
        <v>408</v>
      </c>
      <c r="B18" s="382">
        <v>52910000</v>
      </c>
      <c r="C18" s="1062">
        <v>52910000</v>
      </c>
      <c r="D18" s="1063"/>
      <c r="E18" s="937">
        <v>20437070.079999998</v>
      </c>
      <c r="F18" s="938">
        <v>20437070.079999998</v>
      </c>
      <c r="G18" s="937">
        <v>38.626101077301072</v>
      </c>
      <c r="H18" s="964"/>
    </row>
    <row r="19" spans="1:8" ht="12.75" customHeight="1" x14ac:dyDescent="0.2">
      <c r="A19" s="94" t="s">
        <v>409</v>
      </c>
      <c r="B19" s="383">
        <v>7477000</v>
      </c>
      <c r="C19" s="1064">
        <v>7477000</v>
      </c>
      <c r="D19" s="1065"/>
      <c r="E19" s="937">
        <v>5544081.3899999997</v>
      </c>
      <c r="F19" s="938">
        <v>5544081.3899999997</v>
      </c>
      <c r="G19" s="937">
        <v>74.148473853149653</v>
      </c>
      <c r="H19" s="964"/>
    </row>
    <row r="20" spans="1:8" ht="12.75" customHeight="1" x14ac:dyDescent="0.2">
      <c r="A20" s="94" t="s">
        <v>410</v>
      </c>
      <c r="B20" s="383">
        <v>0</v>
      </c>
      <c r="C20" s="937">
        <v>0</v>
      </c>
      <c r="D20" s="938"/>
      <c r="E20" s="937">
        <v>0</v>
      </c>
      <c r="F20" s="938">
        <v>283040164.07999998</v>
      </c>
      <c r="G20" s="937">
        <v>0</v>
      </c>
      <c r="H20" s="964"/>
    </row>
    <row r="21" spans="1:8" s="316" customFormat="1" ht="15" customHeight="1" x14ac:dyDescent="0.2">
      <c r="A21" s="317" t="s">
        <v>442</v>
      </c>
      <c r="B21" s="385">
        <v>1158800000</v>
      </c>
      <c r="C21" s="987">
        <v>1158800000</v>
      </c>
      <c r="D21" s="988">
        <v>1158800000</v>
      </c>
      <c r="E21" s="987">
        <v>612064406.38999999</v>
      </c>
      <c r="F21" s="1056"/>
      <c r="G21" s="987">
        <v>52.818813116154637</v>
      </c>
      <c r="H21" s="1057"/>
    </row>
    <row r="22" spans="1:8" x14ac:dyDescent="0.2">
      <c r="A22" s="94" t="s">
        <v>411</v>
      </c>
      <c r="B22" s="386">
        <v>1070500000</v>
      </c>
      <c r="C22" s="937">
        <v>1070500000</v>
      </c>
      <c r="D22" s="938">
        <v>1070500000</v>
      </c>
      <c r="E22" s="937">
        <v>560177849.88</v>
      </c>
      <c r="F22" s="938">
        <v>560177849.88</v>
      </c>
      <c r="G22" s="937">
        <v>52.328617457262958</v>
      </c>
      <c r="H22" s="964">
        <v>52.328617457262958</v>
      </c>
    </row>
    <row r="23" spans="1:8" x14ac:dyDescent="0.2">
      <c r="A23" s="94" t="s">
        <v>412</v>
      </c>
      <c r="B23" s="386">
        <v>70200000</v>
      </c>
      <c r="C23" s="937">
        <v>70200000</v>
      </c>
      <c r="D23" s="938">
        <v>18100000</v>
      </c>
      <c r="E23" s="937">
        <v>42858178.380000003</v>
      </c>
      <c r="F23" s="938">
        <v>9028378.1300000008</v>
      </c>
      <c r="G23" s="937">
        <v>0</v>
      </c>
      <c r="H23" s="964">
        <v>49.880542154696137</v>
      </c>
    </row>
    <row r="24" spans="1:8" ht="21" x14ac:dyDescent="0.2">
      <c r="A24" s="94" t="s">
        <v>413</v>
      </c>
      <c r="B24" s="386">
        <v>18100000</v>
      </c>
      <c r="C24" s="937">
        <v>18100000</v>
      </c>
      <c r="D24" s="938">
        <v>70200000</v>
      </c>
      <c r="E24" s="937">
        <v>9028378.1300000008</v>
      </c>
      <c r="F24" s="938">
        <v>42858178.380000003</v>
      </c>
      <c r="G24" s="937">
        <v>49.880542154696137</v>
      </c>
      <c r="H24" s="964">
        <v>61.051536153846151</v>
      </c>
    </row>
    <row r="25" spans="1:8" x14ac:dyDescent="0.2">
      <c r="A25" s="94" t="s">
        <v>414</v>
      </c>
      <c r="B25" s="386">
        <v>18100000</v>
      </c>
      <c r="C25" s="937">
        <v>18100000</v>
      </c>
      <c r="D25" s="938">
        <v>0</v>
      </c>
      <c r="E25" s="937">
        <v>9028378.1300000008</v>
      </c>
      <c r="F25" s="938">
        <v>0</v>
      </c>
      <c r="G25" s="937">
        <v>0</v>
      </c>
      <c r="H25" s="964">
        <v>0</v>
      </c>
    </row>
    <row r="26" spans="1:8" x14ac:dyDescent="0.2">
      <c r="A26" s="94" t="s">
        <v>415</v>
      </c>
      <c r="B26" s="386">
        <v>0</v>
      </c>
      <c r="C26" s="937">
        <v>0</v>
      </c>
      <c r="D26" s="938"/>
      <c r="E26" s="937">
        <v>0</v>
      </c>
      <c r="F26" s="938"/>
      <c r="G26" s="937">
        <v>0</v>
      </c>
      <c r="H26" s="964">
        <v>51.835813474850667</v>
      </c>
    </row>
    <row r="27" spans="1:8" s="316" customFormat="1" ht="25.5" customHeight="1" x14ac:dyDescent="0.2">
      <c r="A27" s="317" t="s">
        <v>443</v>
      </c>
      <c r="B27" s="384">
        <v>1886172750</v>
      </c>
      <c r="C27" s="987">
        <v>1886172750</v>
      </c>
      <c r="D27" s="988">
        <v>1886172750</v>
      </c>
      <c r="E27" s="987">
        <v>1014116278.6800001</v>
      </c>
      <c r="F27" s="988">
        <v>1014116278.6800001</v>
      </c>
      <c r="G27" s="987">
        <v>53.765821750950437</v>
      </c>
      <c r="H27" s="1057">
        <v>195.57479568729471</v>
      </c>
    </row>
    <row r="28" spans="1:8" x14ac:dyDescent="0.2">
      <c r="A28" s="94" t="s">
        <v>444</v>
      </c>
      <c r="B28" s="386">
        <v>1696655250</v>
      </c>
      <c r="C28" s="937">
        <v>1696655250</v>
      </c>
      <c r="D28" s="938">
        <v>1696655250</v>
      </c>
      <c r="E28" s="937">
        <v>859145680.98500001</v>
      </c>
      <c r="F28" s="938">
        <v>859145680.98500001</v>
      </c>
      <c r="G28" s="937">
        <v>50.637610733529982</v>
      </c>
      <c r="H28" s="964">
        <v>50.637610733529982</v>
      </c>
    </row>
    <row r="29" spans="1:8" x14ac:dyDescent="0.2">
      <c r="A29" s="94" t="s">
        <v>445</v>
      </c>
      <c r="B29" s="386">
        <v>171967500</v>
      </c>
      <c r="C29" s="937">
        <v>171967500</v>
      </c>
      <c r="D29" s="938">
        <v>171967500</v>
      </c>
      <c r="E29" s="937">
        <v>144256053.09999999</v>
      </c>
      <c r="F29" s="938">
        <v>144256053.09999999</v>
      </c>
      <c r="G29" s="937">
        <v>83.885648799918584</v>
      </c>
      <c r="H29" s="964">
        <v>83.885648799918584</v>
      </c>
    </row>
    <row r="30" spans="1:8" x14ac:dyDescent="0.2">
      <c r="A30" s="94" t="s">
        <v>446</v>
      </c>
      <c r="B30" s="386">
        <v>17550000</v>
      </c>
      <c r="C30" s="937">
        <v>17550000</v>
      </c>
      <c r="D30" s="938">
        <v>17550000</v>
      </c>
      <c r="E30" s="937">
        <v>10714544.595000001</v>
      </c>
      <c r="F30" s="938">
        <v>10714544.595000001</v>
      </c>
      <c r="G30" s="937">
        <v>61.051536153846151</v>
      </c>
      <c r="H30" s="964">
        <v>61.051536153846151</v>
      </c>
    </row>
    <row r="31" spans="1:8" ht="24.95" customHeight="1" x14ac:dyDescent="0.2">
      <c r="A31" s="313" t="s">
        <v>447</v>
      </c>
      <c r="B31" s="391">
        <v>7094305250</v>
      </c>
      <c r="C31" s="986">
        <v>7094305250</v>
      </c>
      <c r="D31" s="1020">
        <v>7094305250</v>
      </c>
      <c r="E31" s="986">
        <v>3640987546.5499992</v>
      </c>
      <c r="F31" s="1020">
        <v>-661307848.01000011</v>
      </c>
      <c r="G31" s="986">
        <v>51.322679504804213</v>
      </c>
      <c r="H31" s="1082">
        <v>-195.57479568729471</v>
      </c>
    </row>
    <row r="32" spans="1:8" x14ac:dyDescent="0.2">
      <c r="A32" s="96"/>
      <c r="B32" s="99"/>
      <c r="C32" s="96"/>
      <c r="D32" s="407"/>
      <c r="E32" s="96"/>
      <c r="F32" s="486"/>
      <c r="G32" s="96"/>
      <c r="H32" s="96"/>
    </row>
    <row r="33" spans="1:8" ht="15" customHeight="1" x14ac:dyDescent="0.2">
      <c r="A33" s="933" t="s">
        <v>396</v>
      </c>
      <c r="B33" s="1059" t="s">
        <v>429</v>
      </c>
      <c r="C33" s="924" t="s">
        <v>235</v>
      </c>
      <c r="D33" s="959"/>
      <c r="E33" s="954" t="s">
        <v>109</v>
      </c>
      <c r="F33" s="936"/>
      <c r="G33" s="936"/>
      <c r="H33" s="936"/>
    </row>
    <row r="34" spans="1:8" ht="15" customHeight="1" x14ac:dyDescent="0.2">
      <c r="A34" s="934"/>
      <c r="B34" s="1060"/>
      <c r="C34" s="925"/>
      <c r="D34" s="955"/>
      <c r="E34" s="924" t="s">
        <v>115</v>
      </c>
      <c r="F34" s="959"/>
      <c r="G34" s="924" t="s">
        <v>114</v>
      </c>
      <c r="H34" s="933"/>
    </row>
    <row r="35" spans="1:8" ht="15" customHeight="1" x14ac:dyDescent="0.2">
      <c r="A35" s="935"/>
      <c r="B35" s="1061"/>
      <c r="C35" s="926" t="s">
        <v>152</v>
      </c>
      <c r="D35" s="956"/>
      <c r="E35" s="926" t="s">
        <v>162</v>
      </c>
      <c r="F35" s="956"/>
      <c r="G35" s="926" t="s">
        <v>225</v>
      </c>
      <c r="H35" s="935"/>
    </row>
    <row r="36" spans="1:8" s="316" customFormat="1" ht="15.75" customHeight="1" x14ac:dyDescent="0.2">
      <c r="A36" s="315" t="s">
        <v>356</v>
      </c>
      <c r="B36" s="388">
        <v>213056800</v>
      </c>
      <c r="C36" s="962">
        <v>213056800</v>
      </c>
      <c r="D36" s="1058">
        <v>0</v>
      </c>
      <c r="E36" s="962">
        <v>97078592.25</v>
      </c>
      <c r="F36" s="1058">
        <v>0</v>
      </c>
      <c r="G36" s="962">
        <v>45.564653299026361</v>
      </c>
      <c r="H36" s="963">
        <v>0</v>
      </c>
    </row>
    <row r="37" spans="1:8" x14ac:dyDescent="0.2">
      <c r="A37" s="100" t="s">
        <v>397</v>
      </c>
      <c r="B37" s="403">
        <v>167526000</v>
      </c>
      <c r="C37" s="937">
        <v>167526000</v>
      </c>
      <c r="D37" s="938"/>
      <c r="E37" s="937">
        <v>64897898.149999999</v>
      </c>
      <c r="F37" s="938"/>
      <c r="G37" s="937">
        <v>38.739000602891487</v>
      </c>
      <c r="H37" s="964"/>
    </row>
    <row r="38" spans="1:8" x14ac:dyDescent="0.2">
      <c r="A38" s="100" t="s">
        <v>416</v>
      </c>
      <c r="B38" s="403">
        <v>0</v>
      </c>
      <c r="C38" s="937">
        <v>0</v>
      </c>
      <c r="D38" s="938"/>
      <c r="E38" s="937">
        <v>0</v>
      </c>
      <c r="F38" s="938"/>
      <c r="G38" s="937">
        <v>0</v>
      </c>
      <c r="H38" s="964"/>
    </row>
    <row r="39" spans="1:8" x14ac:dyDescent="0.2">
      <c r="A39" s="100" t="s">
        <v>398</v>
      </c>
      <c r="B39" s="403">
        <v>0</v>
      </c>
      <c r="C39" s="937">
        <v>0</v>
      </c>
      <c r="D39" s="938"/>
      <c r="E39" s="937">
        <v>0</v>
      </c>
      <c r="F39" s="938"/>
      <c r="G39" s="937">
        <v>0</v>
      </c>
      <c r="H39" s="964"/>
    </row>
    <row r="40" spans="1:8" x14ac:dyDescent="0.2">
      <c r="A40" s="100" t="s">
        <v>448</v>
      </c>
      <c r="B40" s="403">
        <v>45530800</v>
      </c>
      <c r="C40" s="937">
        <v>45530800</v>
      </c>
      <c r="D40" s="938"/>
      <c r="E40" s="937">
        <v>32180694.099999998</v>
      </c>
      <c r="F40" s="938"/>
      <c r="G40" s="937">
        <v>70.678956003408672</v>
      </c>
      <c r="H40" s="964"/>
    </row>
    <row r="41" spans="1:8" s="316" customFormat="1" ht="15" customHeight="1" x14ac:dyDescent="0.2">
      <c r="A41" s="315" t="s">
        <v>399</v>
      </c>
      <c r="B41" s="389">
        <v>0</v>
      </c>
      <c r="C41" s="987">
        <v>0</v>
      </c>
      <c r="D41" s="988"/>
      <c r="E41" s="987">
        <v>0</v>
      </c>
      <c r="F41" s="988"/>
      <c r="G41" s="987">
        <v>0</v>
      </c>
      <c r="H41" s="1057"/>
    </row>
    <row r="42" spans="1:8" s="316" customFormat="1" ht="15" customHeight="1" x14ac:dyDescent="0.2">
      <c r="A42" s="258" t="s">
        <v>352</v>
      </c>
      <c r="B42" s="389">
        <v>0</v>
      </c>
      <c r="C42" s="937">
        <v>0</v>
      </c>
      <c r="D42" s="938"/>
      <c r="E42" s="987">
        <v>0</v>
      </c>
      <c r="F42" s="988"/>
      <c r="G42" s="987">
        <v>0</v>
      </c>
      <c r="H42" s="1057"/>
    </row>
    <row r="43" spans="1:8" s="316" customFormat="1" ht="15" customHeight="1" x14ac:dyDescent="0.2">
      <c r="A43" s="302" t="s">
        <v>449</v>
      </c>
      <c r="B43" s="390">
        <v>0</v>
      </c>
      <c r="C43" s="937">
        <v>0</v>
      </c>
      <c r="D43" s="938"/>
      <c r="E43" s="987">
        <v>0</v>
      </c>
      <c r="F43" s="988"/>
      <c r="G43" s="943">
        <v>0</v>
      </c>
      <c r="H43" s="1091"/>
    </row>
    <row r="44" spans="1:8" ht="15" customHeight="1" x14ac:dyDescent="0.2">
      <c r="A44" s="261" t="s">
        <v>400</v>
      </c>
      <c r="B44" s="391">
        <v>213056800</v>
      </c>
      <c r="C44" s="986">
        <v>213056800</v>
      </c>
      <c r="D44" s="1020">
        <v>0</v>
      </c>
      <c r="E44" s="986">
        <v>97078592.25</v>
      </c>
      <c r="F44" s="1020">
        <v>0</v>
      </c>
      <c r="G44" s="986">
        <v>45.564653299026361</v>
      </c>
      <c r="H44" s="1082"/>
    </row>
    <row r="45" spans="1:8" x14ac:dyDescent="0.2">
      <c r="A45" s="99"/>
      <c r="B45" s="103"/>
      <c r="C45" s="103"/>
      <c r="D45" s="103"/>
      <c r="E45" s="103"/>
    </row>
    <row r="46" spans="1:8" ht="15" customHeight="1" x14ac:dyDescent="0.2">
      <c r="A46" s="959" t="s">
        <v>237</v>
      </c>
      <c r="B46" s="1059" t="s">
        <v>792</v>
      </c>
      <c r="C46" s="90" t="s">
        <v>157</v>
      </c>
      <c r="D46" s="954" t="s">
        <v>158</v>
      </c>
      <c r="E46" s="953"/>
      <c r="F46" s="954" t="s">
        <v>159</v>
      </c>
      <c r="G46" s="936"/>
      <c r="H46" s="1034" t="s">
        <v>622</v>
      </c>
    </row>
    <row r="47" spans="1:8" ht="21.75" customHeight="1" x14ac:dyDescent="0.2">
      <c r="A47" s="955"/>
      <c r="B47" s="1060"/>
      <c r="C47" s="91" t="s">
        <v>112</v>
      </c>
      <c r="D47" s="299" t="s">
        <v>115</v>
      </c>
      <c r="E47" s="286" t="s">
        <v>114</v>
      </c>
      <c r="F47" s="299" t="s">
        <v>115</v>
      </c>
      <c r="G47" s="286" t="s">
        <v>114</v>
      </c>
      <c r="H47" s="1035"/>
    </row>
    <row r="48" spans="1:8" ht="15" customHeight="1" x14ac:dyDescent="0.2">
      <c r="A48" s="49" t="s">
        <v>238</v>
      </c>
      <c r="B48" s="1061"/>
      <c r="C48" s="284" t="s">
        <v>163</v>
      </c>
      <c r="D48" s="300" t="s">
        <v>233</v>
      </c>
      <c r="E48" s="285" t="s">
        <v>401</v>
      </c>
      <c r="F48" s="300" t="s">
        <v>164</v>
      </c>
      <c r="G48" s="285" t="s">
        <v>402</v>
      </c>
      <c r="H48" s="1036"/>
    </row>
    <row r="49" spans="1:8" s="316" customFormat="1" x14ac:dyDescent="0.2">
      <c r="A49" s="264" t="s">
        <v>166</v>
      </c>
      <c r="B49" s="392">
        <v>960840700</v>
      </c>
      <c r="C49" s="380">
        <v>1176860426</v>
      </c>
      <c r="D49" s="614">
        <v>849848282.48000002</v>
      </c>
      <c r="E49" s="614">
        <v>72.213175301384467</v>
      </c>
      <c r="F49" s="393">
        <v>550981752.96000004</v>
      </c>
      <c r="G49" s="485">
        <v>46.817935312237275</v>
      </c>
      <c r="H49" s="395">
        <v>0</v>
      </c>
    </row>
    <row r="50" spans="1:8" x14ac:dyDescent="0.2">
      <c r="A50" s="96" t="s">
        <v>206</v>
      </c>
      <c r="B50" s="386">
        <v>330386300</v>
      </c>
      <c r="C50" s="387">
        <v>330793300</v>
      </c>
      <c r="D50" s="394">
        <v>261167198.63</v>
      </c>
      <c r="E50" s="482">
        <v>78.951780048144869</v>
      </c>
      <c r="F50" s="394">
        <v>175888247.22000003</v>
      </c>
      <c r="G50" s="482">
        <v>53.171647436631886</v>
      </c>
      <c r="H50" s="396"/>
    </row>
    <row r="51" spans="1:8" x14ac:dyDescent="0.2">
      <c r="A51" s="96" t="s">
        <v>239</v>
      </c>
      <c r="B51" s="386">
        <v>648000</v>
      </c>
      <c r="C51" s="387">
        <v>648000</v>
      </c>
      <c r="D51" s="394">
        <v>648000</v>
      </c>
      <c r="E51" s="596">
        <v>100</v>
      </c>
      <c r="F51" s="394">
        <v>339024.28</v>
      </c>
      <c r="G51" s="596">
        <v>52.318561728395061</v>
      </c>
      <c r="H51" s="396">
        <v>0</v>
      </c>
    </row>
    <row r="52" spans="1:8" x14ac:dyDescent="0.2">
      <c r="A52" s="96" t="s">
        <v>207</v>
      </c>
      <c r="B52" s="386">
        <v>629806400</v>
      </c>
      <c r="C52" s="386">
        <v>845419126</v>
      </c>
      <c r="D52" s="394">
        <v>588033083.85000002</v>
      </c>
      <c r="E52" s="482">
        <v>69.555214184969842</v>
      </c>
      <c r="F52" s="394">
        <v>374754481.46000004</v>
      </c>
      <c r="G52" s="482">
        <v>44.327655944230443</v>
      </c>
      <c r="H52" s="396"/>
    </row>
    <row r="53" spans="1:8" s="316" customFormat="1" x14ac:dyDescent="0.2">
      <c r="A53" s="99" t="s">
        <v>167</v>
      </c>
      <c r="B53" s="384">
        <v>206993000</v>
      </c>
      <c r="C53" s="384">
        <v>167175390</v>
      </c>
      <c r="D53" s="384">
        <v>21471655.379999999</v>
      </c>
      <c r="E53" s="485">
        <v>12.843789615205923</v>
      </c>
      <c r="F53" s="393">
        <v>5796109.2000000002</v>
      </c>
      <c r="G53" s="485">
        <v>3.4670828044725961</v>
      </c>
      <c r="H53" s="397">
        <v>0</v>
      </c>
    </row>
    <row r="54" spans="1:8" x14ac:dyDescent="0.2">
      <c r="A54" s="19" t="s">
        <v>240</v>
      </c>
      <c r="B54" s="386">
        <v>206571700</v>
      </c>
      <c r="C54" s="387">
        <v>166754090</v>
      </c>
      <c r="D54" s="394">
        <v>21051655.379999999</v>
      </c>
      <c r="E54" s="482">
        <v>12.624371240309607</v>
      </c>
      <c r="F54" s="394">
        <v>5796109.2000000002</v>
      </c>
      <c r="G54" s="482">
        <v>3.4758423016790774</v>
      </c>
      <c r="H54" s="396"/>
    </row>
    <row r="55" spans="1:8" x14ac:dyDescent="0.2">
      <c r="A55" s="19" t="s">
        <v>241</v>
      </c>
      <c r="B55" s="386">
        <v>1300</v>
      </c>
      <c r="C55" s="387">
        <v>1300</v>
      </c>
      <c r="D55" s="394">
        <v>0</v>
      </c>
      <c r="E55" s="482">
        <v>0</v>
      </c>
      <c r="F55" s="394">
        <v>0</v>
      </c>
      <c r="G55" s="482">
        <v>0</v>
      </c>
      <c r="H55" s="396"/>
    </row>
    <row r="56" spans="1:8" x14ac:dyDescent="0.2">
      <c r="A56" s="19" t="s">
        <v>242</v>
      </c>
      <c r="B56" s="386">
        <v>420000</v>
      </c>
      <c r="C56" s="387">
        <v>420000</v>
      </c>
      <c r="D56" s="394">
        <v>420000</v>
      </c>
      <c r="E56" s="673">
        <v>100</v>
      </c>
      <c r="F56" s="394">
        <v>0</v>
      </c>
      <c r="G56" s="673">
        <v>0</v>
      </c>
      <c r="H56" s="398"/>
    </row>
    <row r="57" spans="1:8" ht="15" customHeight="1" x14ac:dyDescent="0.2">
      <c r="A57" s="261" t="s">
        <v>534</v>
      </c>
      <c r="B57" s="391">
        <v>1167833700</v>
      </c>
      <c r="C57" s="379">
        <v>1344035816</v>
      </c>
      <c r="D57" s="399">
        <v>871319937.86000001</v>
      </c>
      <c r="E57" s="489">
        <v>64.828624913668222</v>
      </c>
      <c r="F57" s="399">
        <v>556777862.16000009</v>
      </c>
      <c r="G57" s="489">
        <v>41.425820319062097</v>
      </c>
      <c r="H57" s="400">
        <v>0</v>
      </c>
    </row>
    <row r="58" spans="1:8" x14ac:dyDescent="0.2">
      <c r="A58" s="1089"/>
      <c r="B58" s="1089"/>
      <c r="C58" s="486"/>
      <c r="D58" s="486"/>
      <c r="E58" s="96"/>
    </row>
    <row r="59" spans="1:8" ht="15" customHeight="1" x14ac:dyDescent="0.2">
      <c r="A59" s="927" t="s">
        <v>374</v>
      </c>
      <c r="B59" s="1059" t="s">
        <v>792</v>
      </c>
      <c r="C59" s="90" t="s">
        <v>157</v>
      </c>
      <c r="D59" s="954" t="s">
        <v>158</v>
      </c>
      <c r="E59" s="953"/>
      <c r="F59" s="954" t="s">
        <v>159</v>
      </c>
      <c r="G59" s="936"/>
      <c r="H59" s="1034" t="s">
        <v>622</v>
      </c>
    </row>
    <row r="60" spans="1:8" ht="24" customHeight="1" x14ac:dyDescent="0.2">
      <c r="A60" s="928"/>
      <c r="B60" s="1060"/>
      <c r="C60" s="91" t="s">
        <v>112</v>
      </c>
      <c r="D60" s="299" t="s">
        <v>115</v>
      </c>
      <c r="E60" s="286" t="s">
        <v>114</v>
      </c>
      <c r="F60" s="299" t="s">
        <v>115</v>
      </c>
      <c r="G60" s="286" t="s">
        <v>114</v>
      </c>
      <c r="H60" s="1035"/>
    </row>
    <row r="61" spans="1:8" ht="15" customHeight="1" x14ac:dyDescent="0.2">
      <c r="A61" s="929"/>
      <c r="B61" s="1061"/>
      <c r="C61" s="109"/>
      <c r="D61" s="300" t="s">
        <v>165</v>
      </c>
      <c r="E61" s="285" t="s">
        <v>623</v>
      </c>
      <c r="F61" s="300" t="s">
        <v>353</v>
      </c>
      <c r="G61" s="285" t="s">
        <v>624</v>
      </c>
      <c r="H61" s="1036"/>
    </row>
    <row r="62" spans="1:8" ht="15" customHeight="1" x14ac:dyDescent="0.2">
      <c r="A62" s="318" t="s">
        <v>375</v>
      </c>
      <c r="B62" s="401">
        <v>0</v>
      </c>
      <c r="C62" s="404">
        <v>0</v>
      </c>
      <c r="D62" s="394">
        <v>0</v>
      </c>
      <c r="E62" s="574">
        <v>0</v>
      </c>
      <c r="F62" s="394">
        <v>0</v>
      </c>
      <c r="G62" s="485">
        <v>0</v>
      </c>
      <c r="H62" s="408">
        <v>0</v>
      </c>
    </row>
    <row r="63" spans="1:8" ht="24.95" customHeight="1" x14ac:dyDescent="0.2">
      <c r="A63" s="5" t="s">
        <v>376</v>
      </c>
      <c r="B63" s="402">
        <v>0</v>
      </c>
      <c r="C63" s="405">
        <v>0</v>
      </c>
      <c r="D63" s="394">
        <v>0</v>
      </c>
      <c r="E63" s="572">
        <v>0</v>
      </c>
      <c r="F63" s="482">
        <v>0</v>
      </c>
      <c r="G63" s="483">
        <v>0</v>
      </c>
      <c r="H63" s="396">
        <v>0</v>
      </c>
    </row>
    <row r="64" spans="1:8" x14ac:dyDescent="0.2">
      <c r="A64" s="319" t="s">
        <v>403</v>
      </c>
      <c r="B64" s="659">
        <v>103234000</v>
      </c>
      <c r="C64" s="660">
        <v>105607000</v>
      </c>
      <c r="D64" s="393">
        <v>54097143.789999999</v>
      </c>
      <c r="E64" s="654">
        <v>6.2086429380767933</v>
      </c>
      <c r="F64" s="656">
        <v>30079841.140000001</v>
      </c>
      <c r="G64" s="653">
        <v>5.4024851173691273</v>
      </c>
      <c r="H64" s="397">
        <v>0</v>
      </c>
    </row>
    <row r="65" spans="1:8" x14ac:dyDescent="0.2">
      <c r="A65" s="89" t="s">
        <v>404</v>
      </c>
      <c r="B65" s="403">
        <v>15598000</v>
      </c>
      <c r="C65" s="403">
        <v>17971000</v>
      </c>
      <c r="D65" s="394">
        <v>11935211.43</v>
      </c>
      <c r="E65" s="573">
        <v>1.3697851858312118</v>
      </c>
      <c r="F65" s="406">
        <v>2035269.93</v>
      </c>
      <c r="G65" s="663">
        <v>0.36554433434264827</v>
      </c>
      <c r="H65" s="396">
        <v>0</v>
      </c>
    </row>
    <row r="66" spans="1:8" x14ac:dyDescent="0.2">
      <c r="A66" s="89" t="s">
        <v>377</v>
      </c>
      <c r="B66" s="403">
        <v>15000000</v>
      </c>
      <c r="C66" s="403">
        <v>15000000</v>
      </c>
      <c r="D66" s="394">
        <v>0</v>
      </c>
      <c r="E66" s="573">
        <v>0</v>
      </c>
      <c r="F66" s="406">
        <v>0</v>
      </c>
      <c r="G66" s="663">
        <v>0</v>
      </c>
      <c r="H66" s="396">
        <v>0</v>
      </c>
    </row>
    <row r="67" spans="1:8" x14ac:dyDescent="0.2">
      <c r="A67" s="110" t="s">
        <v>378</v>
      </c>
      <c r="B67" s="403">
        <v>72636000</v>
      </c>
      <c r="C67" s="403">
        <v>72636000</v>
      </c>
      <c r="D67" s="403">
        <v>42161932.359999999</v>
      </c>
      <c r="E67" s="386">
        <v>4.8388577522455822</v>
      </c>
      <c r="F67" s="407">
        <v>28044571.210000001</v>
      </c>
      <c r="G67" s="663">
        <v>5.0369407830264796</v>
      </c>
      <c r="H67" s="396">
        <v>0</v>
      </c>
    </row>
    <row r="68" spans="1:8" x14ac:dyDescent="0.2">
      <c r="A68" s="320" t="s">
        <v>379</v>
      </c>
      <c r="B68" s="389">
        <v>151939000</v>
      </c>
      <c r="C68" s="389">
        <v>162512000</v>
      </c>
      <c r="D68" s="389">
        <v>89575245.609999999</v>
      </c>
      <c r="E68" s="384">
        <v>10.280408116219713</v>
      </c>
      <c r="F68" s="615">
        <v>36857994.079999998</v>
      </c>
      <c r="G68" s="664">
        <v>6.6198742056680766</v>
      </c>
      <c r="H68" s="397">
        <v>0</v>
      </c>
    </row>
    <row r="69" spans="1:8" ht="21.75" x14ac:dyDescent="0.2">
      <c r="A69" s="5" t="s">
        <v>793</v>
      </c>
      <c r="B69" s="653">
        <v>0</v>
      </c>
      <c r="C69" s="653">
        <v>0</v>
      </c>
      <c r="D69" s="389">
        <v>0</v>
      </c>
      <c r="E69" s="384">
        <v>0</v>
      </c>
      <c r="F69" s="653">
        <v>0</v>
      </c>
      <c r="G69" s="664">
        <v>0</v>
      </c>
      <c r="H69" s="397">
        <v>0</v>
      </c>
    </row>
    <row r="70" spans="1:8" ht="21.75" x14ac:dyDescent="0.2">
      <c r="A70" s="320" t="s">
        <v>794</v>
      </c>
      <c r="B70" s="389">
        <v>0</v>
      </c>
      <c r="C70" s="389">
        <v>0</v>
      </c>
      <c r="D70" s="389">
        <v>0</v>
      </c>
      <c r="E70" s="384">
        <v>0</v>
      </c>
      <c r="F70" s="615">
        <v>0</v>
      </c>
      <c r="G70" s="664">
        <v>0</v>
      </c>
      <c r="H70" s="397">
        <v>0</v>
      </c>
    </row>
    <row r="71" spans="1:8" ht="32.25" x14ac:dyDescent="0.2">
      <c r="A71" s="13" t="s">
        <v>795</v>
      </c>
      <c r="B71" s="389">
        <v>0</v>
      </c>
      <c r="C71" s="389">
        <v>0</v>
      </c>
      <c r="D71" s="389">
        <v>0</v>
      </c>
      <c r="E71" s="384">
        <v>0</v>
      </c>
      <c r="F71" s="615">
        <v>0</v>
      </c>
      <c r="G71" s="664">
        <v>0</v>
      </c>
      <c r="H71" s="661">
        <v>0</v>
      </c>
    </row>
    <row r="72" spans="1:8" s="250" customFormat="1" ht="16.5" customHeight="1" x14ac:dyDescent="0.2">
      <c r="A72" s="313" t="s">
        <v>450</v>
      </c>
      <c r="B72" s="400">
        <v>255173000</v>
      </c>
      <c r="C72" s="379">
        <v>268119000</v>
      </c>
      <c r="D72" s="400">
        <v>143672389.40000001</v>
      </c>
      <c r="E72" s="391">
        <v>16.489051054296507</v>
      </c>
      <c r="F72" s="400">
        <v>66937835.219999999</v>
      </c>
      <c r="G72" s="400">
        <v>12.022359323037204</v>
      </c>
      <c r="H72" s="400">
        <v>0</v>
      </c>
    </row>
    <row r="73" spans="1:8" s="19" customFormat="1" x14ac:dyDescent="0.2">
      <c r="A73" s="111"/>
      <c r="B73" s="111"/>
      <c r="C73" s="111"/>
      <c r="D73" s="111"/>
      <c r="E73" s="491"/>
      <c r="F73" s="303"/>
      <c r="G73" s="486"/>
      <c r="H73" s="303"/>
    </row>
    <row r="74" spans="1:8" s="250" customFormat="1" ht="22.5" customHeight="1" x14ac:dyDescent="0.2">
      <c r="A74" s="321" t="s">
        <v>451</v>
      </c>
      <c r="B74" s="381">
        <v>912660700</v>
      </c>
      <c r="C74" s="381">
        <v>1075916816</v>
      </c>
      <c r="D74" s="381">
        <v>727647548.46000004</v>
      </c>
      <c r="E74" s="492">
        <v>83.510948945703504</v>
      </c>
      <c r="F74" s="400">
        <v>489840026.94000006</v>
      </c>
      <c r="G74" s="399">
        <v>87.977640676962793</v>
      </c>
      <c r="H74" s="409">
        <v>0</v>
      </c>
    </row>
    <row r="75" spans="1:8" x14ac:dyDescent="0.2">
      <c r="A75" s="113"/>
      <c r="B75" s="93"/>
      <c r="C75" s="292"/>
      <c r="D75" s="96"/>
      <c r="E75" s="96"/>
      <c r="G75" s="104"/>
      <c r="H75" s="303"/>
    </row>
    <row r="76" spans="1:8" ht="24.75" customHeight="1" x14ac:dyDescent="0.2">
      <c r="A76" s="886" t="s">
        <v>625</v>
      </c>
      <c r="B76" s="886"/>
      <c r="C76" s="886"/>
      <c r="D76" s="887"/>
      <c r="E76" s="1085">
        <v>13.453493610659164</v>
      </c>
      <c r="F76" s="1086">
        <v>1.1771547178027546E-6</v>
      </c>
      <c r="G76" s="1086">
        <v>6.9046934079979154</v>
      </c>
      <c r="H76" s="1086">
        <v>2.4163125952003213E-6</v>
      </c>
    </row>
    <row r="77" spans="1:8" ht="12.75" customHeight="1" x14ac:dyDescent="0.2">
      <c r="A77" s="6"/>
      <c r="B77" s="6"/>
      <c r="C77" s="6"/>
      <c r="D77" s="6"/>
      <c r="E77" s="114"/>
      <c r="F77" s="115"/>
      <c r="G77" s="115"/>
      <c r="H77" s="303"/>
    </row>
    <row r="78" spans="1:8" ht="25.5" customHeight="1" x14ac:dyDescent="0.2">
      <c r="A78" s="886" t="s">
        <v>626</v>
      </c>
      <c r="B78" s="886"/>
      <c r="C78" s="886"/>
      <c r="D78" s="887"/>
      <c r="E78" s="1083">
        <v>52921521.354000151</v>
      </c>
      <c r="F78" s="1084"/>
      <c r="G78" s="1084"/>
      <c r="H78" s="1084"/>
    </row>
    <row r="79" spans="1:8" x14ac:dyDescent="0.2">
      <c r="A79" s="7"/>
      <c r="B79" s="7"/>
      <c r="C79" s="7"/>
      <c r="D79" s="7"/>
      <c r="E79" s="100"/>
      <c r="F79" s="112"/>
      <c r="G79" s="112"/>
    </row>
    <row r="80" spans="1:8" ht="13.5" customHeight="1" x14ac:dyDescent="0.2">
      <c r="A80" s="930" t="s">
        <v>452</v>
      </c>
      <c r="B80" s="927"/>
      <c r="C80" s="1059" t="s">
        <v>535</v>
      </c>
      <c r="D80" s="1059" t="s">
        <v>797</v>
      </c>
      <c r="E80" s="1059" t="s">
        <v>380</v>
      </c>
      <c r="F80" s="1059" t="s">
        <v>381</v>
      </c>
      <c r="G80" s="1034" t="s">
        <v>536</v>
      </c>
      <c r="H80" s="930"/>
    </row>
    <row r="81" spans="1:8" ht="21" customHeight="1" x14ac:dyDescent="0.2">
      <c r="A81" s="932"/>
      <c r="B81" s="929"/>
      <c r="C81" s="1061"/>
      <c r="D81" s="1061"/>
      <c r="E81" s="1061"/>
      <c r="F81" s="1061"/>
      <c r="G81" s="1036"/>
      <c r="H81" s="932"/>
    </row>
    <row r="82" spans="1:8" ht="15" customHeight="1" x14ac:dyDescent="0.2">
      <c r="A82" s="723" t="s">
        <v>796</v>
      </c>
      <c r="B82" s="116"/>
      <c r="C82" s="613">
        <v>10778747.83</v>
      </c>
      <c r="D82" s="651">
        <v>1800571.35</v>
      </c>
      <c r="E82" s="493">
        <v>2700310.4099999997</v>
      </c>
      <c r="F82" s="494">
        <v>6277866.0700000003</v>
      </c>
      <c r="G82" s="1076">
        <v>3008766.73</v>
      </c>
      <c r="H82" s="1077"/>
    </row>
    <row r="83" spans="1:8" ht="12.75" customHeight="1" x14ac:dyDescent="0.2">
      <c r="A83" s="10" t="s">
        <v>798</v>
      </c>
      <c r="B83" s="117"/>
      <c r="C83" s="502">
        <v>826671.31</v>
      </c>
      <c r="D83" s="652">
        <v>0</v>
      </c>
      <c r="E83" s="495">
        <v>0</v>
      </c>
      <c r="F83" s="496">
        <v>826671.31</v>
      </c>
      <c r="G83" s="1076">
        <v>0</v>
      </c>
      <c r="H83" s="1077"/>
    </row>
    <row r="84" spans="1:8" ht="15" customHeight="1" x14ac:dyDescent="0.2">
      <c r="A84" s="313" t="s">
        <v>382</v>
      </c>
      <c r="B84" s="307"/>
      <c r="C84" s="497">
        <v>11605419.140000001</v>
      </c>
      <c r="D84" s="497">
        <v>1800571.35</v>
      </c>
      <c r="E84" s="391">
        <v>2700310.4099999997</v>
      </c>
      <c r="F84" s="391">
        <v>7104537.3800000008</v>
      </c>
      <c r="G84" s="484"/>
      <c r="H84" s="489">
        <v>3008766.73</v>
      </c>
    </row>
    <row r="85" spans="1:8" ht="12.75" customHeight="1" x14ac:dyDescent="0.2">
      <c r="A85" s="97"/>
      <c r="B85" s="303"/>
      <c r="C85" s="108"/>
      <c r="D85" s="303"/>
      <c r="E85" s="303"/>
      <c r="F85" s="104"/>
      <c r="G85" s="104"/>
      <c r="H85" s="104"/>
    </row>
    <row r="86" spans="1:8" ht="12.75" customHeight="1" x14ac:dyDescent="0.2">
      <c r="A86" s="931" t="s">
        <v>383</v>
      </c>
      <c r="B86" s="928"/>
      <c r="C86" s="1035" t="s">
        <v>440</v>
      </c>
      <c r="D86" s="931"/>
      <c r="E86" s="931"/>
      <c r="F86" s="931"/>
      <c r="G86" s="931"/>
      <c r="H86" s="931"/>
    </row>
    <row r="87" spans="1:8" ht="15.75" customHeight="1" x14ac:dyDescent="0.2">
      <c r="A87" s="931"/>
      <c r="B87" s="928"/>
      <c r="C87" s="1036"/>
      <c r="D87" s="932"/>
      <c r="E87" s="932"/>
      <c r="F87" s="932"/>
      <c r="G87" s="932"/>
      <c r="H87" s="932"/>
    </row>
    <row r="88" spans="1:8" ht="14.25" customHeight="1" x14ac:dyDescent="0.2">
      <c r="A88" s="931"/>
      <c r="B88" s="928"/>
      <c r="C88" s="1059" t="s">
        <v>384</v>
      </c>
      <c r="D88" s="1035" t="s">
        <v>385</v>
      </c>
      <c r="E88" s="931"/>
      <c r="F88" s="1034" t="s">
        <v>386</v>
      </c>
      <c r="G88" s="930"/>
      <c r="H88" s="930"/>
    </row>
    <row r="89" spans="1:8" ht="11.25" customHeight="1" x14ac:dyDescent="0.2">
      <c r="A89" s="931"/>
      <c r="B89" s="928"/>
      <c r="C89" s="1060"/>
      <c r="D89" s="1035"/>
      <c r="E89" s="931"/>
      <c r="F89" s="1035"/>
      <c r="G89" s="931"/>
      <c r="H89" s="931"/>
    </row>
    <row r="90" spans="1:8" ht="12.75" customHeight="1" x14ac:dyDescent="0.2">
      <c r="A90" s="932"/>
      <c r="B90" s="929"/>
      <c r="C90" s="1061"/>
      <c r="D90" s="1036" t="s">
        <v>350</v>
      </c>
      <c r="E90" s="932"/>
      <c r="F90" s="1036"/>
      <c r="G90" s="932"/>
      <c r="H90" s="932"/>
    </row>
    <row r="91" spans="1:8" ht="13.5" customHeight="1" x14ac:dyDescent="0.2">
      <c r="A91" s="280" t="s">
        <v>800</v>
      </c>
      <c r="B91" s="8"/>
      <c r="C91" s="9"/>
      <c r="D91" s="1078"/>
      <c r="E91" s="1079"/>
      <c r="F91" s="1080"/>
      <c r="G91" s="1081"/>
      <c r="H91" s="1081"/>
    </row>
    <row r="92" spans="1:8" ht="13.5" customHeight="1" x14ac:dyDescent="0.2">
      <c r="A92" s="281" t="s">
        <v>799</v>
      </c>
      <c r="B92" s="11"/>
      <c r="C92" s="12"/>
      <c r="D92" s="1066"/>
      <c r="E92" s="1067"/>
      <c r="F92" s="1068"/>
      <c r="G92" s="1069"/>
      <c r="H92" s="1069"/>
    </row>
    <row r="93" spans="1:8" ht="13.5" customHeight="1" x14ac:dyDescent="0.2">
      <c r="A93" s="10"/>
      <c r="B93" s="11"/>
      <c r="C93" s="12"/>
      <c r="D93" s="1072"/>
      <c r="E93" s="1073"/>
      <c r="F93" s="1074"/>
      <c r="G93" s="1075"/>
      <c r="H93" s="1075"/>
    </row>
    <row r="94" spans="1:8" ht="15" customHeight="1" x14ac:dyDescent="0.2">
      <c r="A94" s="1008" t="s">
        <v>388</v>
      </c>
      <c r="B94" s="1088"/>
      <c r="C94" s="322"/>
      <c r="D94" s="1070"/>
      <c r="E94" s="1071"/>
      <c r="F94" s="954"/>
      <c r="G94" s="936"/>
      <c r="H94" s="936"/>
    </row>
    <row r="95" spans="1:8" ht="12.75" customHeight="1" x14ac:dyDescent="0.2">
      <c r="A95" s="96"/>
      <c r="B95" s="96"/>
      <c r="C95" s="96"/>
      <c r="D95" s="96"/>
      <c r="E95" s="96"/>
      <c r="F95" s="112"/>
    </row>
    <row r="96" spans="1:8" ht="12.75" customHeight="1" x14ac:dyDescent="0.2">
      <c r="A96" s="930" t="s">
        <v>453</v>
      </c>
      <c r="B96" s="927"/>
      <c r="C96" s="1034" t="s">
        <v>387</v>
      </c>
      <c r="D96" s="930"/>
      <c r="E96" s="930"/>
      <c r="F96" s="930"/>
      <c r="G96" s="930"/>
      <c r="H96" s="930"/>
    </row>
    <row r="97" spans="1:8" ht="15.75" customHeight="1" x14ac:dyDescent="0.2">
      <c r="A97" s="931"/>
      <c r="B97" s="928"/>
      <c r="C97" s="1036"/>
      <c r="D97" s="932"/>
      <c r="E97" s="932"/>
      <c r="F97" s="932"/>
      <c r="G97" s="932"/>
      <c r="H97" s="932"/>
    </row>
    <row r="98" spans="1:8" ht="15" customHeight="1" x14ac:dyDescent="0.2">
      <c r="A98" s="931"/>
      <c r="B98" s="928"/>
      <c r="C98" s="1059" t="s">
        <v>384</v>
      </c>
      <c r="D98" s="1035" t="s">
        <v>385</v>
      </c>
      <c r="E98" s="931"/>
      <c r="F98" s="1035" t="s">
        <v>386</v>
      </c>
      <c r="G98" s="931"/>
      <c r="H98" s="931"/>
    </row>
    <row r="99" spans="1:8" x14ac:dyDescent="0.2">
      <c r="A99" s="931"/>
      <c r="B99" s="928"/>
      <c r="C99" s="1060"/>
      <c r="D99" s="1035"/>
      <c r="E99" s="931"/>
      <c r="F99" s="1035"/>
      <c r="G99" s="931"/>
      <c r="H99" s="931"/>
    </row>
    <row r="100" spans="1:8" ht="15" customHeight="1" x14ac:dyDescent="0.2">
      <c r="A100" s="932"/>
      <c r="B100" s="929"/>
      <c r="C100" s="1061"/>
      <c r="D100" s="1036" t="s">
        <v>351</v>
      </c>
      <c r="E100" s="932"/>
      <c r="F100" s="1036"/>
      <c r="G100" s="932"/>
      <c r="H100" s="932"/>
    </row>
    <row r="101" spans="1:8" x14ac:dyDescent="0.2">
      <c r="A101" s="280" t="s">
        <v>802</v>
      </c>
      <c r="B101" s="8"/>
      <c r="C101" s="9"/>
      <c r="D101" s="1078"/>
      <c r="E101" s="1079"/>
      <c r="F101" s="1080"/>
      <c r="G101" s="1081"/>
      <c r="H101" s="1081"/>
    </row>
    <row r="102" spans="1:8" x14ac:dyDescent="0.2">
      <c r="A102" s="281" t="s">
        <v>801</v>
      </c>
      <c r="B102" s="11"/>
      <c r="C102" s="12"/>
      <c r="D102" s="1066"/>
      <c r="E102" s="1067"/>
      <c r="F102" s="1068"/>
      <c r="G102" s="1069"/>
      <c r="H102" s="1069"/>
    </row>
    <row r="103" spans="1:8" x14ac:dyDescent="0.2">
      <c r="A103" s="10"/>
      <c r="B103" s="11"/>
      <c r="C103" s="12"/>
      <c r="D103" s="1072"/>
      <c r="E103" s="1073"/>
      <c r="F103" s="1074"/>
      <c r="G103" s="1075"/>
      <c r="H103" s="1075"/>
    </row>
    <row r="104" spans="1:8" ht="15" customHeight="1" x14ac:dyDescent="0.2">
      <c r="A104" s="1087" t="s">
        <v>454</v>
      </c>
      <c r="B104" s="1087"/>
      <c r="C104" s="322"/>
      <c r="D104" s="1070"/>
      <c r="E104" s="1071"/>
      <c r="F104" s="954"/>
      <c r="G104" s="936"/>
      <c r="H104" s="936"/>
    </row>
    <row r="105" spans="1:8" x14ac:dyDescent="0.2">
      <c r="A105" s="96"/>
      <c r="B105" s="303"/>
      <c r="C105" s="102"/>
      <c r="D105" s="96"/>
      <c r="E105" s="96"/>
    </row>
    <row r="106" spans="1:8" ht="15" customHeight="1" x14ac:dyDescent="0.2">
      <c r="A106" s="959" t="s">
        <v>237</v>
      </c>
      <c r="B106" s="1059" t="s">
        <v>792</v>
      </c>
      <c r="C106" s="1059" t="s">
        <v>236</v>
      </c>
      <c r="D106" s="954" t="s">
        <v>158</v>
      </c>
      <c r="E106" s="936"/>
      <c r="F106" s="954" t="s">
        <v>159</v>
      </c>
      <c r="G106" s="936"/>
      <c r="H106" s="1034" t="s">
        <v>622</v>
      </c>
    </row>
    <row r="107" spans="1:8" ht="21.75" customHeight="1" x14ac:dyDescent="0.2">
      <c r="A107" s="955"/>
      <c r="B107" s="1060"/>
      <c r="C107" s="1060"/>
      <c r="D107" s="90" t="s">
        <v>115</v>
      </c>
      <c r="E107" s="286" t="s">
        <v>114</v>
      </c>
      <c r="F107" s="90" t="s">
        <v>115</v>
      </c>
      <c r="G107" s="286" t="s">
        <v>114</v>
      </c>
      <c r="H107" s="1035"/>
    </row>
    <row r="108" spans="1:8" ht="21.75" customHeight="1" x14ac:dyDescent="0.2">
      <c r="A108" s="50" t="s">
        <v>244</v>
      </c>
      <c r="B108" s="1061"/>
      <c r="C108" s="1061"/>
      <c r="D108" s="300" t="s">
        <v>389</v>
      </c>
      <c r="E108" s="293" t="s">
        <v>390</v>
      </c>
      <c r="F108" s="300" t="s">
        <v>391</v>
      </c>
      <c r="G108" s="293" t="s">
        <v>392</v>
      </c>
      <c r="H108" s="1036"/>
    </row>
    <row r="109" spans="1:8" x14ac:dyDescent="0.2">
      <c r="A109" s="96" t="s">
        <v>245</v>
      </c>
      <c r="B109" s="386">
        <v>64744900</v>
      </c>
      <c r="C109" s="386">
        <v>74749500</v>
      </c>
      <c r="D109" s="394">
        <v>43359772.25</v>
      </c>
      <c r="E109" s="481">
        <v>4.9763319265359067</v>
      </c>
      <c r="F109" s="394">
        <v>16019660.859999999</v>
      </c>
      <c r="G109" s="481">
        <v>2.8772086587373091</v>
      </c>
      <c r="H109" s="105"/>
    </row>
    <row r="110" spans="1:8" x14ac:dyDescent="0.2">
      <c r="A110" s="96" t="s">
        <v>246</v>
      </c>
      <c r="B110" s="386">
        <v>547235100</v>
      </c>
      <c r="C110" s="386">
        <v>578891900</v>
      </c>
      <c r="D110" s="394">
        <v>373850160.52999997</v>
      </c>
      <c r="E110" s="478">
        <v>42.906186842021818</v>
      </c>
      <c r="F110" s="481">
        <v>186600362.16999999</v>
      </c>
      <c r="G110" s="477">
        <v>33.514328577305591</v>
      </c>
      <c r="H110" s="106"/>
    </row>
    <row r="111" spans="1:8" x14ac:dyDescent="0.2">
      <c r="A111" s="96" t="s">
        <v>247</v>
      </c>
      <c r="B111" s="386">
        <v>76302000</v>
      </c>
      <c r="C111" s="386">
        <v>77012400</v>
      </c>
      <c r="D111" s="394">
        <v>31007012.640000001</v>
      </c>
      <c r="E111" s="478">
        <v>3.5586254018420131</v>
      </c>
      <c r="F111" s="481">
        <v>22707418.82</v>
      </c>
      <c r="G111" s="477">
        <v>4.0783623709296517</v>
      </c>
      <c r="H111" s="106"/>
    </row>
    <row r="112" spans="1:8" x14ac:dyDescent="0.2">
      <c r="A112" s="96" t="s">
        <v>248</v>
      </c>
      <c r="B112" s="386">
        <v>17209600</v>
      </c>
      <c r="C112" s="386">
        <v>19239600</v>
      </c>
      <c r="D112" s="394">
        <v>12604587.01</v>
      </c>
      <c r="E112" s="478">
        <v>1.4466083538679742</v>
      </c>
      <c r="F112" s="481">
        <v>2214890.3199999998</v>
      </c>
      <c r="G112" s="477">
        <v>0.3978050261207246</v>
      </c>
      <c r="H112" s="106"/>
    </row>
    <row r="113" spans="1:8" x14ac:dyDescent="0.2">
      <c r="A113" s="96" t="s">
        <v>249</v>
      </c>
      <c r="B113" s="386">
        <v>21294500</v>
      </c>
      <c r="C113" s="386">
        <v>22494500</v>
      </c>
      <c r="D113" s="394">
        <v>4805136.4400000004</v>
      </c>
      <c r="E113" s="478">
        <v>0.55147784771247488</v>
      </c>
      <c r="F113" s="481">
        <v>1704201.65</v>
      </c>
      <c r="G113" s="477">
        <v>0.30608286819964609</v>
      </c>
      <c r="H113" s="106"/>
    </row>
    <row r="114" spans="1:8" x14ac:dyDescent="0.2">
      <c r="A114" s="96" t="s">
        <v>250</v>
      </c>
      <c r="B114" s="386">
        <v>108000</v>
      </c>
      <c r="C114" s="386">
        <v>108000</v>
      </c>
      <c r="D114" s="394">
        <v>26350</v>
      </c>
      <c r="E114" s="478">
        <v>3.0241474864808856E-3</v>
      </c>
      <c r="F114" s="481">
        <v>22206.57</v>
      </c>
      <c r="G114" s="477">
        <v>3.9884074977137923E-3</v>
      </c>
      <c r="H114" s="106"/>
    </row>
    <row r="115" spans="1:8" x14ac:dyDescent="0.2">
      <c r="A115" s="102" t="s">
        <v>232</v>
      </c>
      <c r="B115" s="488">
        <v>440939600</v>
      </c>
      <c r="C115" s="488">
        <v>571539916</v>
      </c>
      <c r="D115" s="394">
        <v>405666918.99000001</v>
      </c>
      <c r="E115" s="478">
        <v>46.557745480533342</v>
      </c>
      <c r="F115" s="481">
        <v>327509121.76999998</v>
      </c>
      <c r="G115" s="477">
        <v>58.822224091209364</v>
      </c>
      <c r="H115" s="107"/>
    </row>
    <row r="116" spans="1:8" ht="15" customHeight="1" x14ac:dyDescent="0.2">
      <c r="A116" s="261" t="s">
        <v>170</v>
      </c>
      <c r="B116" s="391">
        <v>1167833700</v>
      </c>
      <c r="C116" s="391">
        <v>1344035816</v>
      </c>
      <c r="D116" s="399">
        <v>871319937.8599999</v>
      </c>
      <c r="E116" s="480">
        <v>100</v>
      </c>
      <c r="F116" s="489">
        <v>556777862.15999997</v>
      </c>
      <c r="G116" s="479">
        <v>100</v>
      </c>
      <c r="H116" s="400">
        <v>0</v>
      </c>
    </row>
    <row r="117" spans="1:8" ht="10.5" customHeight="1" x14ac:dyDescent="0.2">
      <c r="A117" s="202" t="s">
        <v>863</v>
      </c>
      <c r="B117" s="407"/>
      <c r="C117" s="407"/>
      <c r="D117" s="407"/>
      <c r="E117" s="202"/>
      <c r="F117" s="112"/>
      <c r="G117" s="112"/>
      <c r="H117" s="332"/>
    </row>
    <row r="118" spans="1:8" ht="11.25" x14ac:dyDescent="0.2">
      <c r="A118" s="96" t="s">
        <v>0</v>
      </c>
      <c r="B118" s="119"/>
      <c r="C118" s="119"/>
      <c r="D118" s="96"/>
      <c r="E118" s="486"/>
      <c r="F118" s="112"/>
      <c r="G118" s="112"/>
    </row>
    <row r="119" spans="1:8" ht="11.25" x14ac:dyDescent="0.2">
      <c r="A119" s="96" t="s">
        <v>627</v>
      </c>
      <c r="B119" s="119"/>
      <c r="C119" s="119"/>
      <c r="D119" s="96"/>
      <c r="E119" s="486"/>
      <c r="F119" s="112"/>
      <c r="G119" s="112"/>
    </row>
    <row r="120" spans="1:8" ht="11.25" x14ac:dyDescent="0.2">
      <c r="A120" s="96" t="s">
        <v>628</v>
      </c>
      <c r="B120" s="119"/>
      <c r="C120" s="119"/>
      <c r="D120" s="96"/>
      <c r="E120" s="96"/>
      <c r="F120" s="112"/>
      <c r="G120" s="112"/>
    </row>
    <row r="121" spans="1:8" ht="11.25" x14ac:dyDescent="0.2">
      <c r="A121" s="19" t="s">
        <v>629</v>
      </c>
      <c r="B121" s="120"/>
      <c r="C121" s="120"/>
      <c r="D121" s="96"/>
      <c r="E121" s="96"/>
      <c r="F121" s="112"/>
      <c r="G121" s="112"/>
    </row>
    <row r="122" spans="1:8" ht="11.25" x14ac:dyDescent="0.2">
      <c r="A122" s="19" t="s">
        <v>630</v>
      </c>
    </row>
    <row r="123" spans="1:8" ht="11.25" x14ac:dyDescent="0.2">
      <c r="A123" s="121" t="s">
        <v>631</v>
      </c>
    </row>
    <row r="124" spans="1:8" x14ac:dyDescent="0.2">
      <c r="A124" s="1021" t="s">
        <v>632</v>
      </c>
      <c r="B124" s="1021"/>
      <c r="C124" s="1021"/>
    </row>
    <row r="125" spans="1:8" x14ac:dyDescent="0.2">
      <c r="B125" s="407"/>
      <c r="C125" s="407"/>
      <c r="D125" s="407"/>
      <c r="E125" s="407"/>
      <c r="F125" s="407"/>
    </row>
    <row r="126" spans="1:8" x14ac:dyDescent="0.2">
      <c r="B126" s="407"/>
      <c r="C126" s="407"/>
      <c r="D126" s="407"/>
      <c r="E126" s="407"/>
      <c r="F126" s="407"/>
      <c r="G126" s="407"/>
    </row>
    <row r="127" spans="1:8" x14ac:dyDescent="0.2">
      <c r="B127" s="407"/>
    </row>
    <row r="130" s="52" customFormat="1" ht="11.25" customHeight="1" x14ac:dyDescent="0.2"/>
    <row r="131" s="52" customFormat="1" ht="11.25" customHeight="1" x14ac:dyDescent="0.2"/>
    <row r="132" s="52" customFormat="1" ht="11.25" customHeight="1" x14ac:dyDescent="0.2"/>
    <row r="133" s="52" customFormat="1" ht="11.25" customHeight="1" x14ac:dyDescent="0.2"/>
    <row r="134" s="52" customFormat="1" ht="11.25" customHeight="1" x14ac:dyDescent="0.2"/>
    <row r="135" s="52" customFormat="1" ht="11.25" customHeight="1" x14ac:dyDescent="0.2"/>
    <row r="136" s="52" customFormat="1" ht="11.25" customHeight="1" x14ac:dyDescent="0.2"/>
  </sheetData>
  <customSheetViews>
    <customSheetView guid="{82EDB5A4-4824-4632-A540-7A52C92F04C7}" scale="90" showPageBreaks="1" showGridLines="0" fitToPage="1" printArea="1" topLeftCell="A55">
      <selection activeCell="D69" sqref="D69"/>
      <pageMargins left="0.19685039370078741" right="0.19685039370078741" top="0.78740157480314965" bottom="0.39370078740157483" header="0" footer="0"/>
      <printOptions horizontalCentered="1"/>
      <pageSetup paperSize="9" scale="53" fitToHeight="2" orientation="portrait" r:id="rId1"/>
    </customSheetView>
    <customSheetView guid="{3AAF6A5F-F9AA-430B-9AD9-1261ECDF41B5}" showPageBreaks="1" showGridLines="0" fitToPage="1" topLeftCell="A25">
      <selection activeCell="B40" sqref="B40"/>
      <pageMargins left="0.19685039370078741" right="0.19685039370078741" top="0.19685039370078741" bottom="0.19685039370078741" header="0.31496062992125984" footer="0.31496062992125984"/>
      <printOptions horizontalCentered="1"/>
      <pageSetup paperSize="9" scale="27" orientation="portrait" r:id="rId2"/>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3"/>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4"/>
    </customSheetView>
    <customSheetView guid="{6DBFA32C-4AA4-4E1D-9A48-697377C64CC3}" showPageBreaks="1" showGridLines="0" fitToPage="1" printArea="1" topLeftCell="A70">
      <selection activeCell="B82" sqref="B82"/>
      <pageMargins left="0.19685039370078741" right="0.19685039370078741" top="0.78740157480314965" bottom="0.39370078740157483" header="0" footer="0"/>
      <printOptions horizontalCentered="1"/>
      <pageSetup paperSize="9" scale="53" fitToHeight="2" orientation="portrait" r:id="rId5"/>
    </customSheetView>
    <customSheetView guid="{25EF1E0D-169B-4051-B414-7E1196FC05E4}" showPageBreaks="1" showGridLines="0" fitToPage="1" printArea="1" topLeftCell="B70">
      <selection activeCell="G13" sqref="G13:H13"/>
      <pageMargins left="0.19685039370078741" right="0.19685039370078741" top="0.19685039370078741" bottom="0.19685039370078741" header="0" footer="0"/>
      <printOptions horizontalCentered="1"/>
      <pageSetup paperSize="9" scale="48" orientation="portrait" r:id="rId6"/>
    </customSheetView>
    <customSheetView guid="{C779D862-DE28-46CD-A428-4AAA1056D1E1}" showPageBreaks="1" showGridLines="0" fitToPage="1" printArea="1">
      <selection activeCell="B40" sqref="B40"/>
      <pageMargins left="0.19685039370078741" right="0.19685039370078741" top="0.78740157480314965" bottom="0.39370078740157483" header="0" footer="0"/>
      <printOptions horizontalCentered="1"/>
      <pageSetup paperSize="9" scale="53" fitToHeight="2" orientation="portrait" r:id="rId7"/>
    </customSheetView>
  </customSheetViews>
  <mergeCells count="167">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 ref="C44:D44"/>
    <mergeCell ref="C42:D42"/>
    <mergeCell ref="C43:D43"/>
    <mergeCell ref="E42:F42"/>
    <mergeCell ref="G37:H37"/>
    <mergeCell ref="E38:F38"/>
    <mergeCell ref="G44:H44"/>
    <mergeCell ref="E39:F39"/>
    <mergeCell ref="G39:H39"/>
    <mergeCell ref="G41:H41"/>
    <mergeCell ref="A46:A47"/>
    <mergeCell ref="D46:E46"/>
    <mergeCell ref="F46:G46"/>
    <mergeCell ref="H46:H48"/>
    <mergeCell ref="A58:B58"/>
    <mergeCell ref="A59:A61"/>
    <mergeCell ref="D59:E59"/>
    <mergeCell ref="F59:G59"/>
    <mergeCell ref="H59:H61"/>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s>
  <printOptions horizontalCentered="1"/>
  <pageMargins left="0.19685039370078741" right="0.19685039370078741" top="0.78740157480314965" bottom="0.39370078740157483"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8"/>
  <sheetViews>
    <sheetView showGridLines="0" zoomScaleNormal="100" workbookViewId="0">
      <selection activeCell="A4" sqref="A4:L4"/>
    </sheetView>
  </sheetViews>
  <sheetFormatPr defaultRowHeight="11.25" customHeight="1" x14ac:dyDescent="0.2"/>
  <cols>
    <col min="1" max="1" width="48.85546875" style="301" customWidth="1"/>
    <col min="2" max="2" width="14.42578125" style="301" customWidth="1"/>
    <col min="3" max="3" width="19.140625" style="301" customWidth="1"/>
    <col min="4" max="12" width="6.7109375" style="301" customWidth="1"/>
    <col min="13" max="13" width="8" style="240" customWidth="1"/>
    <col min="14" max="245" width="9.140625" style="301"/>
    <col min="246" max="246" width="32" style="301" customWidth="1"/>
    <col min="247" max="247" width="9.140625" style="301"/>
    <col min="248" max="248" width="9.140625" style="301" customWidth="1"/>
    <col min="249" max="249" width="9.140625" style="301"/>
    <col min="250" max="250" width="9.140625" style="301" customWidth="1"/>
    <col min="251" max="251" width="7" style="301" customWidth="1"/>
    <col min="252" max="252" width="9.140625" style="301" customWidth="1"/>
    <col min="253" max="253" width="7.42578125" style="301" customWidth="1"/>
    <col min="254" max="254" width="9.140625" style="301" customWidth="1"/>
    <col min="255" max="255" width="7.42578125" style="301" customWidth="1"/>
    <col min="256" max="257" width="9.140625" style="301" customWidth="1"/>
    <col min="258" max="258" width="7.42578125" style="301" customWidth="1"/>
    <col min="259" max="259" width="9.140625" style="301" customWidth="1"/>
    <col min="260" max="260" width="7.85546875" style="301" customWidth="1"/>
    <col min="261" max="262" width="9.140625" style="301" customWidth="1"/>
    <col min="263" max="263" width="7.7109375" style="301" customWidth="1"/>
    <col min="264" max="264" width="9.140625" style="301" customWidth="1"/>
    <col min="265" max="265" width="7.5703125" style="301" customWidth="1"/>
    <col min="266" max="266" width="9.140625" style="301" customWidth="1"/>
    <col min="267" max="268" width="7.7109375" style="301" customWidth="1"/>
    <col min="269" max="269" width="8" style="301" customWidth="1"/>
    <col min="270" max="501" width="9.140625" style="301"/>
    <col min="502" max="502" width="32" style="301" customWidth="1"/>
    <col min="503" max="503" width="9.140625" style="301"/>
    <col min="504" max="504" width="9.140625" style="301" customWidth="1"/>
    <col min="505" max="505" width="9.140625" style="301"/>
    <col min="506" max="506" width="9.140625" style="301" customWidth="1"/>
    <col min="507" max="507" width="7" style="301" customWidth="1"/>
    <col min="508" max="508" width="9.140625" style="301" customWidth="1"/>
    <col min="509" max="509" width="7.42578125" style="301" customWidth="1"/>
    <col min="510" max="510" width="9.140625" style="301" customWidth="1"/>
    <col min="511" max="511" width="7.42578125" style="301" customWidth="1"/>
    <col min="512" max="513" width="9.140625" style="301" customWidth="1"/>
    <col min="514" max="514" width="7.42578125" style="301" customWidth="1"/>
    <col min="515" max="515" width="9.140625" style="301" customWidth="1"/>
    <col min="516" max="516" width="7.85546875" style="301" customWidth="1"/>
    <col min="517" max="518" width="9.140625" style="301" customWidth="1"/>
    <col min="519" max="519" width="7.7109375" style="301" customWidth="1"/>
    <col min="520" max="520" width="9.140625" style="301" customWidth="1"/>
    <col min="521" max="521" width="7.5703125" style="301" customWidth="1"/>
    <col min="522" max="522" width="9.140625" style="301" customWidth="1"/>
    <col min="523" max="524" width="7.7109375" style="301" customWidth="1"/>
    <col min="525" max="525" width="8" style="301" customWidth="1"/>
    <col min="526" max="757" width="9.140625" style="301"/>
    <col min="758" max="758" width="32" style="301" customWidth="1"/>
    <col min="759" max="759" width="9.140625" style="301"/>
    <col min="760" max="760" width="9.140625" style="301" customWidth="1"/>
    <col min="761" max="761" width="9.140625" style="301"/>
    <col min="762" max="762" width="9.140625" style="301" customWidth="1"/>
    <col min="763" max="763" width="7" style="301" customWidth="1"/>
    <col min="764" max="764" width="9.140625" style="301" customWidth="1"/>
    <col min="765" max="765" width="7.42578125" style="301" customWidth="1"/>
    <col min="766" max="766" width="9.140625" style="301" customWidth="1"/>
    <col min="767" max="767" width="7.42578125" style="301" customWidth="1"/>
    <col min="768" max="769" width="9.140625" style="301" customWidth="1"/>
    <col min="770" max="770" width="7.42578125" style="301" customWidth="1"/>
    <col min="771" max="771" width="9.140625" style="301" customWidth="1"/>
    <col min="772" max="772" width="7.85546875" style="301" customWidth="1"/>
    <col min="773" max="774" width="9.140625" style="301" customWidth="1"/>
    <col min="775" max="775" width="7.7109375" style="301" customWidth="1"/>
    <col min="776" max="776" width="9.140625" style="301" customWidth="1"/>
    <col min="777" max="777" width="7.5703125" style="301" customWidth="1"/>
    <col min="778" max="778" width="9.140625" style="301" customWidth="1"/>
    <col min="779" max="780" width="7.7109375" style="301" customWidth="1"/>
    <col min="781" max="781" width="8" style="301" customWidth="1"/>
    <col min="782" max="1013" width="9.140625" style="301"/>
    <col min="1014" max="1014" width="32" style="301" customWidth="1"/>
    <col min="1015" max="1015" width="9.140625" style="301"/>
    <col min="1016" max="1016" width="9.140625" style="301" customWidth="1"/>
    <col min="1017" max="1017" width="9.140625" style="301"/>
    <col min="1018" max="1018" width="9.140625" style="301" customWidth="1"/>
    <col min="1019" max="1019" width="7" style="301" customWidth="1"/>
    <col min="1020" max="1020" width="9.140625" style="301" customWidth="1"/>
    <col min="1021" max="1021" width="7.42578125" style="301" customWidth="1"/>
    <col min="1022" max="1022" width="9.140625" style="301" customWidth="1"/>
    <col min="1023" max="1023" width="7.42578125" style="301" customWidth="1"/>
    <col min="1024" max="1025" width="9.140625" style="301" customWidth="1"/>
    <col min="1026" max="1026" width="7.42578125" style="301" customWidth="1"/>
    <col min="1027" max="1027" width="9.140625" style="301" customWidth="1"/>
    <col min="1028" max="1028" width="7.85546875" style="301" customWidth="1"/>
    <col min="1029" max="1030" width="9.140625" style="301" customWidth="1"/>
    <col min="1031" max="1031" width="7.7109375" style="301" customWidth="1"/>
    <col min="1032" max="1032" width="9.140625" style="301" customWidth="1"/>
    <col min="1033" max="1033" width="7.5703125" style="301" customWidth="1"/>
    <col min="1034" max="1034" width="9.140625" style="301" customWidth="1"/>
    <col min="1035" max="1036" width="7.7109375" style="301" customWidth="1"/>
    <col min="1037" max="1037" width="8" style="301" customWidth="1"/>
    <col min="1038" max="1269" width="9.140625" style="301"/>
    <col min="1270" max="1270" width="32" style="301" customWidth="1"/>
    <col min="1271" max="1271" width="9.140625" style="301"/>
    <col min="1272" max="1272" width="9.140625" style="301" customWidth="1"/>
    <col min="1273" max="1273" width="9.140625" style="301"/>
    <col min="1274" max="1274" width="9.140625" style="301" customWidth="1"/>
    <col min="1275" max="1275" width="7" style="301" customWidth="1"/>
    <col min="1276" max="1276" width="9.140625" style="301" customWidth="1"/>
    <col min="1277" max="1277" width="7.42578125" style="301" customWidth="1"/>
    <col min="1278" max="1278" width="9.140625" style="301" customWidth="1"/>
    <col min="1279" max="1279" width="7.42578125" style="301" customWidth="1"/>
    <col min="1280" max="1281" width="9.140625" style="301" customWidth="1"/>
    <col min="1282" max="1282" width="7.42578125" style="301" customWidth="1"/>
    <col min="1283" max="1283" width="9.140625" style="301" customWidth="1"/>
    <col min="1284" max="1284" width="7.85546875" style="301" customWidth="1"/>
    <col min="1285" max="1286" width="9.140625" style="301" customWidth="1"/>
    <col min="1287" max="1287" width="7.7109375" style="301" customWidth="1"/>
    <col min="1288" max="1288" width="9.140625" style="301" customWidth="1"/>
    <col min="1289" max="1289" width="7.5703125" style="301" customWidth="1"/>
    <col min="1290" max="1290" width="9.140625" style="301" customWidth="1"/>
    <col min="1291" max="1292" width="7.7109375" style="301" customWidth="1"/>
    <col min="1293" max="1293" width="8" style="301" customWidth="1"/>
    <col min="1294" max="1525" width="9.140625" style="301"/>
    <col min="1526" max="1526" width="32" style="301" customWidth="1"/>
    <col min="1527" max="1527" width="9.140625" style="301"/>
    <col min="1528" max="1528" width="9.140625" style="301" customWidth="1"/>
    <col min="1529" max="1529" width="9.140625" style="301"/>
    <col min="1530" max="1530" width="9.140625" style="301" customWidth="1"/>
    <col min="1531" max="1531" width="7" style="301" customWidth="1"/>
    <col min="1532" max="1532" width="9.140625" style="301" customWidth="1"/>
    <col min="1533" max="1533" width="7.42578125" style="301" customWidth="1"/>
    <col min="1534" max="1534" width="9.140625" style="301" customWidth="1"/>
    <col min="1535" max="1535" width="7.42578125" style="301" customWidth="1"/>
    <col min="1536" max="1537" width="9.140625" style="301" customWidth="1"/>
    <col min="1538" max="1538" width="7.42578125" style="301" customWidth="1"/>
    <col min="1539" max="1539" width="9.140625" style="301" customWidth="1"/>
    <col min="1540" max="1540" width="7.85546875" style="301" customWidth="1"/>
    <col min="1541" max="1542" width="9.140625" style="301" customWidth="1"/>
    <col min="1543" max="1543" width="7.7109375" style="301" customWidth="1"/>
    <col min="1544" max="1544" width="9.140625" style="301" customWidth="1"/>
    <col min="1545" max="1545" width="7.5703125" style="301" customWidth="1"/>
    <col min="1546" max="1546" width="9.140625" style="301" customWidth="1"/>
    <col min="1547" max="1548" width="7.7109375" style="301" customWidth="1"/>
    <col min="1549" max="1549" width="8" style="301" customWidth="1"/>
    <col min="1550" max="1781" width="9.140625" style="301"/>
    <col min="1782" max="1782" width="32" style="301" customWidth="1"/>
    <col min="1783" max="1783" width="9.140625" style="301"/>
    <col min="1784" max="1784" width="9.140625" style="301" customWidth="1"/>
    <col min="1785" max="1785" width="9.140625" style="301"/>
    <col min="1786" max="1786" width="9.140625" style="301" customWidth="1"/>
    <col min="1787" max="1787" width="7" style="301" customWidth="1"/>
    <col min="1788" max="1788" width="9.140625" style="301" customWidth="1"/>
    <col min="1789" max="1789" width="7.42578125" style="301" customWidth="1"/>
    <col min="1790" max="1790" width="9.140625" style="301" customWidth="1"/>
    <col min="1791" max="1791" width="7.42578125" style="301" customWidth="1"/>
    <col min="1792" max="1793" width="9.140625" style="301" customWidth="1"/>
    <col min="1794" max="1794" width="7.42578125" style="301" customWidth="1"/>
    <col min="1795" max="1795" width="9.140625" style="301" customWidth="1"/>
    <col min="1796" max="1796" width="7.85546875" style="301" customWidth="1"/>
    <col min="1797" max="1798" width="9.140625" style="301" customWidth="1"/>
    <col min="1799" max="1799" width="7.7109375" style="301" customWidth="1"/>
    <col min="1800" max="1800" width="9.140625" style="301" customWidth="1"/>
    <col min="1801" max="1801" width="7.5703125" style="301" customWidth="1"/>
    <col min="1802" max="1802" width="9.140625" style="301" customWidth="1"/>
    <col min="1803" max="1804" width="7.7109375" style="301" customWidth="1"/>
    <col min="1805" max="1805" width="8" style="301" customWidth="1"/>
    <col min="1806" max="2037" width="9.140625" style="301"/>
    <col min="2038" max="2038" width="32" style="301" customWidth="1"/>
    <col min="2039" max="2039" width="9.140625" style="301"/>
    <col min="2040" max="2040" width="9.140625" style="301" customWidth="1"/>
    <col min="2041" max="2041" width="9.140625" style="301"/>
    <col min="2042" max="2042" width="9.140625" style="301" customWidth="1"/>
    <col min="2043" max="2043" width="7" style="301" customWidth="1"/>
    <col min="2044" max="2044" width="9.140625" style="301" customWidth="1"/>
    <col min="2045" max="2045" width="7.42578125" style="301" customWidth="1"/>
    <col min="2046" max="2046" width="9.140625" style="301" customWidth="1"/>
    <col min="2047" max="2047" width="7.42578125" style="301" customWidth="1"/>
    <col min="2048" max="2049" width="9.140625" style="301" customWidth="1"/>
    <col min="2050" max="2050" width="7.42578125" style="301" customWidth="1"/>
    <col min="2051" max="2051" width="9.140625" style="301" customWidth="1"/>
    <col min="2052" max="2052" width="7.85546875" style="301" customWidth="1"/>
    <col min="2053" max="2054" width="9.140625" style="301" customWidth="1"/>
    <col min="2055" max="2055" width="7.7109375" style="301" customWidth="1"/>
    <col min="2056" max="2056" width="9.140625" style="301" customWidth="1"/>
    <col min="2057" max="2057" width="7.5703125" style="301" customWidth="1"/>
    <col min="2058" max="2058" width="9.140625" style="301" customWidth="1"/>
    <col min="2059" max="2060" width="7.7109375" style="301" customWidth="1"/>
    <col min="2061" max="2061" width="8" style="301" customWidth="1"/>
    <col min="2062" max="2293" width="9.140625" style="301"/>
    <col min="2294" max="2294" width="32" style="301" customWidth="1"/>
    <col min="2295" max="2295" width="9.140625" style="301"/>
    <col min="2296" max="2296" width="9.140625" style="301" customWidth="1"/>
    <col min="2297" max="2297" width="9.140625" style="301"/>
    <col min="2298" max="2298" width="9.140625" style="301" customWidth="1"/>
    <col min="2299" max="2299" width="7" style="301" customWidth="1"/>
    <col min="2300" max="2300" width="9.140625" style="301" customWidth="1"/>
    <col min="2301" max="2301" width="7.42578125" style="301" customWidth="1"/>
    <col min="2302" max="2302" width="9.140625" style="301" customWidth="1"/>
    <col min="2303" max="2303" width="7.42578125" style="301" customWidth="1"/>
    <col min="2304" max="2305" width="9.140625" style="301" customWidth="1"/>
    <col min="2306" max="2306" width="7.42578125" style="301" customWidth="1"/>
    <col min="2307" max="2307" width="9.140625" style="301" customWidth="1"/>
    <col min="2308" max="2308" width="7.85546875" style="301" customWidth="1"/>
    <col min="2309" max="2310" width="9.140625" style="301" customWidth="1"/>
    <col min="2311" max="2311" width="7.7109375" style="301" customWidth="1"/>
    <col min="2312" max="2312" width="9.140625" style="301" customWidth="1"/>
    <col min="2313" max="2313" width="7.5703125" style="301" customWidth="1"/>
    <col min="2314" max="2314" width="9.140625" style="301" customWidth="1"/>
    <col min="2315" max="2316" width="7.7109375" style="301" customWidth="1"/>
    <col min="2317" max="2317" width="8" style="301" customWidth="1"/>
    <col min="2318" max="2549" width="9.140625" style="301"/>
    <col min="2550" max="2550" width="32" style="301" customWidth="1"/>
    <col min="2551" max="2551" width="9.140625" style="301"/>
    <col min="2552" max="2552" width="9.140625" style="301" customWidth="1"/>
    <col min="2553" max="2553" width="9.140625" style="301"/>
    <col min="2554" max="2554" width="9.140625" style="301" customWidth="1"/>
    <col min="2555" max="2555" width="7" style="301" customWidth="1"/>
    <col min="2556" max="2556" width="9.140625" style="301" customWidth="1"/>
    <col min="2557" max="2557" width="7.42578125" style="301" customWidth="1"/>
    <col min="2558" max="2558" width="9.140625" style="301" customWidth="1"/>
    <col min="2559" max="2559" width="7.42578125" style="301" customWidth="1"/>
    <col min="2560" max="2561" width="9.140625" style="301" customWidth="1"/>
    <col min="2562" max="2562" width="7.42578125" style="301" customWidth="1"/>
    <col min="2563" max="2563" width="9.140625" style="301" customWidth="1"/>
    <col min="2564" max="2564" width="7.85546875" style="301" customWidth="1"/>
    <col min="2565" max="2566" width="9.140625" style="301" customWidth="1"/>
    <col min="2567" max="2567" width="7.7109375" style="301" customWidth="1"/>
    <col min="2568" max="2568" width="9.140625" style="301" customWidth="1"/>
    <col min="2569" max="2569" width="7.5703125" style="301" customWidth="1"/>
    <col min="2570" max="2570" width="9.140625" style="301" customWidth="1"/>
    <col min="2571" max="2572" width="7.7109375" style="301" customWidth="1"/>
    <col min="2573" max="2573" width="8" style="301" customWidth="1"/>
    <col min="2574" max="2805" width="9.140625" style="301"/>
    <col min="2806" max="2806" width="32" style="301" customWidth="1"/>
    <col min="2807" max="2807" width="9.140625" style="301"/>
    <col min="2808" max="2808" width="9.140625" style="301" customWidth="1"/>
    <col min="2809" max="2809" width="9.140625" style="301"/>
    <col min="2810" max="2810" width="9.140625" style="301" customWidth="1"/>
    <col min="2811" max="2811" width="7" style="301" customWidth="1"/>
    <col min="2812" max="2812" width="9.140625" style="301" customWidth="1"/>
    <col min="2813" max="2813" width="7.42578125" style="301" customWidth="1"/>
    <col min="2814" max="2814" width="9.140625" style="301" customWidth="1"/>
    <col min="2815" max="2815" width="7.42578125" style="301" customWidth="1"/>
    <col min="2816" max="2817" width="9.140625" style="301" customWidth="1"/>
    <col min="2818" max="2818" width="7.42578125" style="301" customWidth="1"/>
    <col min="2819" max="2819" width="9.140625" style="301" customWidth="1"/>
    <col min="2820" max="2820" width="7.85546875" style="301" customWidth="1"/>
    <col min="2821" max="2822" width="9.140625" style="301" customWidth="1"/>
    <col min="2823" max="2823" width="7.7109375" style="301" customWidth="1"/>
    <col min="2824" max="2824" width="9.140625" style="301" customWidth="1"/>
    <col min="2825" max="2825" width="7.5703125" style="301" customWidth="1"/>
    <col min="2826" max="2826" width="9.140625" style="301" customWidth="1"/>
    <col min="2827" max="2828" width="7.7109375" style="301" customWidth="1"/>
    <col min="2829" max="2829" width="8" style="301" customWidth="1"/>
    <col min="2830" max="3061" width="9.140625" style="301"/>
    <col min="3062" max="3062" width="32" style="301" customWidth="1"/>
    <col min="3063" max="3063" width="9.140625" style="301"/>
    <col min="3064" max="3064" width="9.140625" style="301" customWidth="1"/>
    <col min="3065" max="3065" width="9.140625" style="301"/>
    <col min="3066" max="3066" width="9.140625" style="301" customWidth="1"/>
    <col min="3067" max="3067" width="7" style="301" customWidth="1"/>
    <col min="3068" max="3068" width="9.140625" style="301" customWidth="1"/>
    <col min="3069" max="3069" width="7.42578125" style="301" customWidth="1"/>
    <col min="3070" max="3070" width="9.140625" style="301" customWidth="1"/>
    <col min="3071" max="3071" width="7.42578125" style="301" customWidth="1"/>
    <col min="3072" max="3073" width="9.140625" style="301" customWidth="1"/>
    <col min="3074" max="3074" width="7.42578125" style="301" customWidth="1"/>
    <col min="3075" max="3075" width="9.140625" style="301" customWidth="1"/>
    <col min="3076" max="3076" width="7.85546875" style="301" customWidth="1"/>
    <col min="3077" max="3078" width="9.140625" style="301" customWidth="1"/>
    <col min="3079" max="3079" width="7.7109375" style="301" customWidth="1"/>
    <col min="3080" max="3080" width="9.140625" style="301" customWidth="1"/>
    <col min="3081" max="3081" width="7.5703125" style="301" customWidth="1"/>
    <col min="3082" max="3082" width="9.140625" style="301" customWidth="1"/>
    <col min="3083" max="3084" width="7.7109375" style="301" customWidth="1"/>
    <col min="3085" max="3085" width="8" style="301" customWidth="1"/>
    <col min="3086" max="3317" width="9.140625" style="301"/>
    <col min="3318" max="3318" width="32" style="301" customWidth="1"/>
    <col min="3319" max="3319" width="9.140625" style="301"/>
    <col min="3320" max="3320" width="9.140625" style="301" customWidth="1"/>
    <col min="3321" max="3321" width="9.140625" style="301"/>
    <col min="3322" max="3322" width="9.140625" style="301" customWidth="1"/>
    <col min="3323" max="3323" width="7" style="301" customWidth="1"/>
    <col min="3324" max="3324" width="9.140625" style="301" customWidth="1"/>
    <col min="3325" max="3325" width="7.42578125" style="301" customWidth="1"/>
    <col min="3326" max="3326" width="9.140625" style="301" customWidth="1"/>
    <col min="3327" max="3327" width="7.42578125" style="301" customWidth="1"/>
    <col min="3328" max="3329" width="9.140625" style="301" customWidth="1"/>
    <col min="3330" max="3330" width="7.42578125" style="301" customWidth="1"/>
    <col min="3331" max="3331" width="9.140625" style="301" customWidth="1"/>
    <col min="3332" max="3332" width="7.85546875" style="301" customWidth="1"/>
    <col min="3333" max="3334" width="9.140625" style="301" customWidth="1"/>
    <col min="3335" max="3335" width="7.7109375" style="301" customWidth="1"/>
    <col min="3336" max="3336" width="9.140625" style="301" customWidth="1"/>
    <col min="3337" max="3337" width="7.5703125" style="301" customWidth="1"/>
    <col min="3338" max="3338" width="9.140625" style="301" customWidth="1"/>
    <col min="3339" max="3340" width="7.7109375" style="301" customWidth="1"/>
    <col min="3341" max="3341" width="8" style="301" customWidth="1"/>
    <col min="3342" max="3573" width="9.140625" style="301"/>
    <col min="3574" max="3574" width="32" style="301" customWidth="1"/>
    <col min="3575" max="3575" width="9.140625" style="301"/>
    <col min="3576" max="3576" width="9.140625" style="301" customWidth="1"/>
    <col min="3577" max="3577" width="9.140625" style="301"/>
    <col min="3578" max="3578" width="9.140625" style="301" customWidth="1"/>
    <col min="3579" max="3579" width="7" style="301" customWidth="1"/>
    <col min="3580" max="3580" width="9.140625" style="301" customWidth="1"/>
    <col min="3581" max="3581" width="7.42578125" style="301" customWidth="1"/>
    <col min="3582" max="3582" width="9.140625" style="301" customWidth="1"/>
    <col min="3583" max="3583" width="7.42578125" style="301" customWidth="1"/>
    <col min="3584" max="3585" width="9.140625" style="301" customWidth="1"/>
    <col min="3586" max="3586" width="7.42578125" style="301" customWidth="1"/>
    <col min="3587" max="3587" width="9.140625" style="301" customWidth="1"/>
    <col min="3588" max="3588" width="7.85546875" style="301" customWidth="1"/>
    <col min="3589" max="3590" width="9.140625" style="301" customWidth="1"/>
    <col min="3591" max="3591" width="7.7109375" style="301" customWidth="1"/>
    <col min="3592" max="3592" width="9.140625" style="301" customWidth="1"/>
    <col min="3593" max="3593" width="7.5703125" style="301" customWidth="1"/>
    <col min="3594" max="3594" width="9.140625" style="301" customWidth="1"/>
    <col min="3595" max="3596" width="7.7109375" style="301" customWidth="1"/>
    <col min="3597" max="3597" width="8" style="301" customWidth="1"/>
    <col min="3598" max="3829" width="9.140625" style="301"/>
    <col min="3830" max="3830" width="32" style="301" customWidth="1"/>
    <col min="3831" max="3831" width="9.140625" style="301"/>
    <col min="3832" max="3832" width="9.140625" style="301" customWidth="1"/>
    <col min="3833" max="3833" width="9.140625" style="301"/>
    <col min="3834" max="3834" width="9.140625" style="301" customWidth="1"/>
    <col min="3835" max="3835" width="7" style="301" customWidth="1"/>
    <col min="3836" max="3836" width="9.140625" style="301" customWidth="1"/>
    <col min="3837" max="3837" width="7.42578125" style="301" customWidth="1"/>
    <col min="3838" max="3838" width="9.140625" style="301" customWidth="1"/>
    <col min="3839" max="3839" width="7.42578125" style="301" customWidth="1"/>
    <col min="3840" max="3841" width="9.140625" style="301" customWidth="1"/>
    <col min="3842" max="3842" width="7.42578125" style="301" customWidth="1"/>
    <col min="3843" max="3843" width="9.140625" style="301" customWidth="1"/>
    <col min="3844" max="3844" width="7.85546875" style="301" customWidth="1"/>
    <col min="3845" max="3846" width="9.140625" style="301" customWidth="1"/>
    <col min="3847" max="3847" width="7.7109375" style="301" customWidth="1"/>
    <col min="3848" max="3848" width="9.140625" style="301" customWidth="1"/>
    <col min="3849" max="3849" width="7.5703125" style="301" customWidth="1"/>
    <col min="3850" max="3850" width="9.140625" style="301" customWidth="1"/>
    <col min="3851" max="3852" width="7.7109375" style="301" customWidth="1"/>
    <col min="3853" max="3853" width="8" style="301" customWidth="1"/>
    <col min="3854" max="4085" width="9.140625" style="301"/>
    <col min="4086" max="4086" width="32" style="301" customWidth="1"/>
    <col min="4087" max="4087" width="9.140625" style="301"/>
    <col min="4088" max="4088" width="9.140625" style="301" customWidth="1"/>
    <col min="4089" max="4089" width="9.140625" style="301"/>
    <col min="4090" max="4090" width="9.140625" style="301" customWidth="1"/>
    <col min="4091" max="4091" width="7" style="301" customWidth="1"/>
    <col min="4092" max="4092" width="9.140625" style="301" customWidth="1"/>
    <col min="4093" max="4093" width="7.42578125" style="301" customWidth="1"/>
    <col min="4094" max="4094" width="9.140625" style="301" customWidth="1"/>
    <col min="4095" max="4095" width="7.42578125" style="301" customWidth="1"/>
    <col min="4096" max="4097" width="9.140625" style="301" customWidth="1"/>
    <col min="4098" max="4098" width="7.42578125" style="301" customWidth="1"/>
    <col min="4099" max="4099" width="9.140625" style="301" customWidth="1"/>
    <col min="4100" max="4100" width="7.85546875" style="301" customWidth="1"/>
    <col min="4101" max="4102" width="9.140625" style="301" customWidth="1"/>
    <col min="4103" max="4103" width="7.7109375" style="301" customWidth="1"/>
    <col min="4104" max="4104" width="9.140625" style="301" customWidth="1"/>
    <col min="4105" max="4105" width="7.5703125" style="301" customWidth="1"/>
    <col min="4106" max="4106" width="9.140625" style="301" customWidth="1"/>
    <col min="4107" max="4108" width="7.7109375" style="301" customWidth="1"/>
    <col min="4109" max="4109" width="8" style="301" customWidth="1"/>
    <col min="4110" max="4341" width="9.140625" style="301"/>
    <col min="4342" max="4342" width="32" style="301" customWidth="1"/>
    <col min="4343" max="4343" width="9.140625" style="301"/>
    <col min="4344" max="4344" width="9.140625" style="301" customWidth="1"/>
    <col min="4345" max="4345" width="9.140625" style="301"/>
    <col min="4346" max="4346" width="9.140625" style="301" customWidth="1"/>
    <col min="4347" max="4347" width="7" style="301" customWidth="1"/>
    <col min="4348" max="4348" width="9.140625" style="301" customWidth="1"/>
    <col min="4349" max="4349" width="7.42578125" style="301" customWidth="1"/>
    <col min="4350" max="4350" width="9.140625" style="301" customWidth="1"/>
    <col min="4351" max="4351" width="7.42578125" style="301" customWidth="1"/>
    <col min="4352" max="4353" width="9.140625" style="301" customWidth="1"/>
    <col min="4354" max="4354" width="7.42578125" style="301" customWidth="1"/>
    <col min="4355" max="4355" width="9.140625" style="301" customWidth="1"/>
    <col min="4356" max="4356" width="7.85546875" style="301" customWidth="1"/>
    <col min="4357" max="4358" width="9.140625" style="301" customWidth="1"/>
    <col min="4359" max="4359" width="7.7109375" style="301" customWidth="1"/>
    <col min="4360" max="4360" width="9.140625" style="301" customWidth="1"/>
    <col min="4361" max="4361" width="7.5703125" style="301" customWidth="1"/>
    <col min="4362" max="4362" width="9.140625" style="301" customWidth="1"/>
    <col min="4363" max="4364" width="7.7109375" style="301" customWidth="1"/>
    <col min="4365" max="4365" width="8" style="301" customWidth="1"/>
    <col min="4366" max="4597" width="9.140625" style="301"/>
    <col min="4598" max="4598" width="32" style="301" customWidth="1"/>
    <col min="4599" max="4599" width="9.140625" style="301"/>
    <col min="4600" max="4600" width="9.140625" style="301" customWidth="1"/>
    <col min="4601" max="4601" width="9.140625" style="301"/>
    <col min="4602" max="4602" width="9.140625" style="301" customWidth="1"/>
    <col min="4603" max="4603" width="7" style="301" customWidth="1"/>
    <col min="4604" max="4604" width="9.140625" style="301" customWidth="1"/>
    <col min="4605" max="4605" width="7.42578125" style="301" customWidth="1"/>
    <col min="4606" max="4606" width="9.140625" style="301" customWidth="1"/>
    <col min="4607" max="4607" width="7.42578125" style="301" customWidth="1"/>
    <col min="4608" max="4609" width="9.140625" style="301" customWidth="1"/>
    <col min="4610" max="4610" width="7.42578125" style="301" customWidth="1"/>
    <col min="4611" max="4611" width="9.140625" style="301" customWidth="1"/>
    <col min="4612" max="4612" width="7.85546875" style="301" customWidth="1"/>
    <col min="4613" max="4614" width="9.140625" style="301" customWidth="1"/>
    <col min="4615" max="4615" width="7.7109375" style="301" customWidth="1"/>
    <col min="4616" max="4616" width="9.140625" style="301" customWidth="1"/>
    <col min="4617" max="4617" width="7.5703125" style="301" customWidth="1"/>
    <col min="4618" max="4618" width="9.140625" style="301" customWidth="1"/>
    <col min="4619" max="4620" width="7.7109375" style="301" customWidth="1"/>
    <col min="4621" max="4621" width="8" style="301" customWidth="1"/>
    <col min="4622" max="4853" width="9.140625" style="301"/>
    <col min="4854" max="4854" width="32" style="301" customWidth="1"/>
    <col min="4855" max="4855" width="9.140625" style="301"/>
    <col min="4856" max="4856" width="9.140625" style="301" customWidth="1"/>
    <col min="4857" max="4857" width="9.140625" style="301"/>
    <col min="4858" max="4858" width="9.140625" style="301" customWidth="1"/>
    <col min="4859" max="4859" width="7" style="301" customWidth="1"/>
    <col min="4860" max="4860" width="9.140625" style="301" customWidth="1"/>
    <col min="4861" max="4861" width="7.42578125" style="301" customWidth="1"/>
    <col min="4862" max="4862" width="9.140625" style="301" customWidth="1"/>
    <col min="4863" max="4863" width="7.42578125" style="301" customWidth="1"/>
    <col min="4864" max="4865" width="9.140625" style="301" customWidth="1"/>
    <col min="4866" max="4866" width="7.42578125" style="301" customWidth="1"/>
    <col min="4867" max="4867" width="9.140625" style="301" customWidth="1"/>
    <col min="4868" max="4868" width="7.85546875" style="301" customWidth="1"/>
    <col min="4869" max="4870" width="9.140625" style="301" customWidth="1"/>
    <col min="4871" max="4871" width="7.7109375" style="301" customWidth="1"/>
    <col min="4872" max="4872" width="9.140625" style="301" customWidth="1"/>
    <col min="4873" max="4873" width="7.5703125" style="301" customWidth="1"/>
    <col min="4874" max="4874" width="9.140625" style="301" customWidth="1"/>
    <col min="4875" max="4876" width="7.7109375" style="301" customWidth="1"/>
    <col min="4877" max="4877" width="8" style="301" customWidth="1"/>
    <col min="4878" max="5109" width="9.140625" style="301"/>
    <col min="5110" max="5110" width="32" style="301" customWidth="1"/>
    <col min="5111" max="5111" width="9.140625" style="301"/>
    <col min="5112" max="5112" width="9.140625" style="301" customWidth="1"/>
    <col min="5113" max="5113" width="9.140625" style="301"/>
    <col min="5114" max="5114" width="9.140625" style="301" customWidth="1"/>
    <col min="5115" max="5115" width="7" style="301" customWidth="1"/>
    <col min="5116" max="5116" width="9.140625" style="301" customWidth="1"/>
    <col min="5117" max="5117" width="7.42578125" style="301" customWidth="1"/>
    <col min="5118" max="5118" width="9.140625" style="301" customWidth="1"/>
    <col min="5119" max="5119" width="7.42578125" style="301" customWidth="1"/>
    <col min="5120" max="5121" width="9.140625" style="301" customWidth="1"/>
    <col min="5122" max="5122" width="7.42578125" style="301" customWidth="1"/>
    <col min="5123" max="5123" width="9.140625" style="301" customWidth="1"/>
    <col min="5124" max="5124" width="7.85546875" style="301" customWidth="1"/>
    <col min="5125" max="5126" width="9.140625" style="301" customWidth="1"/>
    <col min="5127" max="5127" width="7.7109375" style="301" customWidth="1"/>
    <col min="5128" max="5128" width="9.140625" style="301" customWidth="1"/>
    <col min="5129" max="5129" width="7.5703125" style="301" customWidth="1"/>
    <col min="5130" max="5130" width="9.140625" style="301" customWidth="1"/>
    <col min="5131" max="5132" width="7.7109375" style="301" customWidth="1"/>
    <col min="5133" max="5133" width="8" style="301" customWidth="1"/>
    <col min="5134" max="5365" width="9.140625" style="301"/>
    <col min="5366" max="5366" width="32" style="301" customWidth="1"/>
    <col min="5367" max="5367" width="9.140625" style="301"/>
    <col min="5368" max="5368" width="9.140625" style="301" customWidth="1"/>
    <col min="5369" max="5369" width="9.140625" style="301"/>
    <col min="5370" max="5370" width="9.140625" style="301" customWidth="1"/>
    <col min="5371" max="5371" width="7" style="301" customWidth="1"/>
    <col min="5372" max="5372" width="9.140625" style="301" customWidth="1"/>
    <col min="5373" max="5373" width="7.42578125" style="301" customWidth="1"/>
    <col min="5374" max="5374" width="9.140625" style="301" customWidth="1"/>
    <col min="5375" max="5375" width="7.42578125" style="301" customWidth="1"/>
    <col min="5376" max="5377" width="9.140625" style="301" customWidth="1"/>
    <col min="5378" max="5378" width="7.42578125" style="301" customWidth="1"/>
    <col min="5379" max="5379" width="9.140625" style="301" customWidth="1"/>
    <col min="5380" max="5380" width="7.85546875" style="301" customWidth="1"/>
    <col min="5381" max="5382" width="9.140625" style="301" customWidth="1"/>
    <col min="5383" max="5383" width="7.7109375" style="301" customWidth="1"/>
    <col min="5384" max="5384" width="9.140625" style="301" customWidth="1"/>
    <col min="5385" max="5385" width="7.5703125" style="301" customWidth="1"/>
    <col min="5386" max="5386" width="9.140625" style="301" customWidth="1"/>
    <col min="5387" max="5388" width="7.7109375" style="301" customWidth="1"/>
    <col min="5389" max="5389" width="8" style="301" customWidth="1"/>
    <col min="5390" max="5621" width="9.140625" style="301"/>
    <col min="5622" max="5622" width="32" style="301" customWidth="1"/>
    <col min="5623" max="5623" width="9.140625" style="301"/>
    <col min="5624" max="5624" width="9.140625" style="301" customWidth="1"/>
    <col min="5625" max="5625" width="9.140625" style="301"/>
    <col min="5626" max="5626" width="9.140625" style="301" customWidth="1"/>
    <col min="5627" max="5627" width="7" style="301" customWidth="1"/>
    <col min="5628" max="5628" width="9.140625" style="301" customWidth="1"/>
    <col min="5629" max="5629" width="7.42578125" style="301" customWidth="1"/>
    <col min="5630" max="5630" width="9.140625" style="301" customWidth="1"/>
    <col min="5631" max="5631" width="7.42578125" style="301" customWidth="1"/>
    <col min="5632" max="5633" width="9.140625" style="301" customWidth="1"/>
    <col min="5634" max="5634" width="7.42578125" style="301" customWidth="1"/>
    <col min="5635" max="5635" width="9.140625" style="301" customWidth="1"/>
    <col min="5636" max="5636" width="7.85546875" style="301" customWidth="1"/>
    <col min="5637" max="5638" width="9.140625" style="301" customWidth="1"/>
    <col min="5639" max="5639" width="7.7109375" style="301" customWidth="1"/>
    <col min="5640" max="5640" width="9.140625" style="301" customWidth="1"/>
    <col min="5641" max="5641" width="7.5703125" style="301" customWidth="1"/>
    <col min="5642" max="5642" width="9.140625" style="301" customWidth="1"/>
    <col min="5643" max="5644" width="7.7109375" style="301" customWidth="1"/>
    <col min="5645" max="5645" width="8" style="301" customWidth="1"/>
    <col min="5646" max="5877" width="9.140625" style="301"/>
    <col min="5878" max="5878" width="32" style="301" customWidth="1"/>
    <col min="5879" max="5879" width="9.140625" style="301"/>
    <col min="5880" max="5880" width="9.140625" style="301" customWidth="1"/>
    <col min="5881" max="5881" width="9.140625" style="301"/>
    <col min="5882" max="5882" width="9.140625" style="301" customWidth="1"/>
    <col min="5883" max="5883" width="7" style="301" customWidth="1"/>
    <col min="5884" max="5884" width="9.140625" style="301" customWidth="1"/>
    <col min="5885" max="5885" width="7.42578125" style="301" customWidth="1"/>
    <col min="5886" max="5886" width="9.140625" style="301" customWidth="1"/>
    <col min="5887" max="5887" width="7.42578125" style="301" customWidth="1"/>
    <col min="5888" max="5889" width="9.140625" style="301" customWidth="1"/>
    <col min="5890" max="5890" width="7.42578125" style="301" customWidth="1"/>
    <col min="5891" max="5891" width="9.140625" style="301" customWidth="1"/>
    <col min="5892" max="5892" width="7.85546875" style="301" customWidth="1"/>
    <col min="5893" max="5894" width="9.140625" style="301" customWidth="1"/>
    <col min="5895" max="5895" width="7.7109375" style="301" customWidth="1"/>
    <col min="5896" max="5896" width="9.140625" style="301" customWidth="1"/>
    <col min="5897" max="5897" width="7.5703125" style="301" customWidth="1"/>
    <col min="5898" max="5898" width="9.140625" style="301" customWidth="1"/>
    <col min="5899" max="5900" width="7.7109375" style="301" customWidth="1"/>
    <col min="5901" max="5901" width="8" style="301" customWidth="1"/>
    <col min="5902" max="6133" width="9.140625" style="301"/>
    <col min="6134" max="6134" width="32" style="301" customWidth="1"/>
    <col min="6135" max="6135" width="9.140625" style="301"/>
    <col min="6136" max="6136" width="9.140625" style="301" customWidth="1"/>
    <col min="6137" max="6137" width="9.140625" style="301"/>
    <col min="6138" max="6138" width="9.140625" style="301" customWidth="1"/>
    <col min="6139" max="6139" width="7" style="301" customWidth="1"/>
    <col min="6140" max="6140" width="9.140625" style="301" customWidth="1"/>
    <col min="6141" max="6141" width="7.42578125" style="301" customWidth="1"/>
    <col min="6142" max="6142" width="9.140625" style="301" customWidth="1"/>
    <col min="6143" max="6143" width="7.42578125" style="301" customWidth="1"/>
    <col min="6144" max="6145" width="9.140625" style="301" customWidth="1"/>
    <col min="6146" max="6146" width="7.42578125" style="301" customWidth="1"/>
    <col min="6147" max="6147" width="9.140625" style="301" customWidth="1"/>
    <col min="6148" max="6148" width="7.85546875" style="301" customWidth="1"/>
    <col min="6149" max="6150" width="9.140625" style="301" customWidth="1"/>
    <col min="6151" max="6151" width="7.7109375" style="301" customWidth="1"/>
    <col min="6152" max="6152" width="9.140625" style="301" customWidth="1"/>
    <col min="6153" max="6153" width="7.5703125" style="301" customWidth="1"/>
    <col min="6154" max="6154" width="9.140625" style="301" customWidth="1"/>
    <col min="6155" max="6156" width="7.7109375" style="301" customWidth="1"/>
    <col min="6157" max="6157" width="8" style="301" customWidth="1"/>
    <col min="6158" max="6389" width="9.140625" style="301"/>
    <col min="6390" max="6390" width="32" style="301" customWidth="1"/>
    <col min="6391" max="6391" width="9.140625" style="301"/>
    <col min="6392" max="6392" width="9.140625" style="301" customWidth="1"/>
    <col min="6393" max="6393" width="9.140625" style="301"/>
    <col min="6394" max="6394" width="9.140625" style="301" customWidth="1"/>
    <col min="6395" max="6395" width="7" style="301" customWidth="1"/>
    <col min="6396" max="6396" width="9.140625" style="301" customWidth="1"/>
    <col min="6397" max="6397" width="7.42578125" style="301" customWidth="1"/>
    <col min="6398" max="6398" width="9.140625" style="301" customWidth="1"/>
    <col min="6399" max="6399" width="7.42578125" style="301" customWidth="1"/>
    <col min="6400" max="6401" width="9.140625" style="301" customWidth="1"/>
    <col min="6402" max="6402" width="7.42578125" style="301" customWidth="1"/>
    <col min="6403" max="6403" width="9.140625" style="301" customWidth="1"/>
    <col min="6404" max="6404" width="7.85546875" style="301" customWidth="1"/>
    <col min="6405" max="6406" width="9.140625" style="301" customWidth="1"/>
    <col min="6407" max="6407" width="7.7109375" style="301" customWidth="1"/>
    <col min="6408" max="6408" width="9.140625" style="301" customWidth="1"/>
    <col min="6409" max="6409" width="7.5703125" style="301" customWidth="1"/>
    <col min="6410" max="6410" width="9.140625" style="301" customWidth="1"/>
    <col min="6411" max="6412" width="7.7109375" style="301" customWidth="1"/>
    <col min="6413" max="6413" width="8" style="301" customWidth="1"/>
    <col min="6414" max="6645" width="9.140625" style="301"/>
    <col min="6646" max="6646" width="32" style="301" customWidth="1"/>
    <col min="6647" max="6647" width="9.140625" style="301"/>
    <col min="6648" max="6648" width="9.140625" style="301" customWidth="1"/>
    <col min="6649" max="6649" width="9.140625" style="301"/>
    <col min="6650" max="6650" width="9.140625" style="301" customWidth="1"/>
    <col min="6651" max="6651" width="7" style="301" customWidth="1"/>
    <col min="6652" max="6652" width="9.140625" style="301" customWidth="1"/>
    <col min="6653" max="6653" width="7.42578125" style="301" customWidth="1"/>
    <col min="6654" max="6654" width="9.140625" style="301" customWidth="1"/>
    <col min="6655" max="6655" width="7.42578125" style="301" customWidth="1"/>
    <col min="6656" max="6657" width="9.140625" style="301" customWidth="1"/>
    <col min="6658" max="6658" width="7.42578125" style="301" customWidth="1"/>
    <col min="6659" max="6659" width="9.140625" style="301" customWidth="1"/>
    <col min="6660" max="6660" width="7.85546875" style="301" customWidth="1"/>
    <col min="6661" max="6662" width="9.140625" style="301" customWidth="1"/>
    <col min="6663" max="6663" width="7.7109375" style="301" customWidth="1"/>
    <col min="6664" max="6664" width="9.140625" style="301" customWidth="1"/>
    <col min="6665" max="6665" width="7.5703125" style="301" customWidth="1"/>
    <col min="6666" max="6666" width="9.140625" style="301" customWidth="1"/>
    <col min="6667" max="6668" width="7.7109375" style="301" customWidth="1"/>
    <col min="6669" max="6669" width="8" style="301" customWidth="1"/>
    <col min="6670" max="6901" width="9.140625" style="301"/>
    <col min="6902" max="6902" width="32" style="301" customWidth="1"/>
    <col min="6903" max="6903" width="9.140625" style="301"/>
    <col min="6904" max="6904" width="9.140625" style="301" customWidth="1"/>
    <col min="6905" max="6905" width="9.140625" style="301"/>
    <col min="6906" max="6906" width="9.140625" style="301" customWidth="1"/>
    <col min="6907" max="6907" width="7" style="301" customWidth="1"/>
    <col min="6908" max="6908" width="9.140625" style="301" customWidth="1"/>
    <col min="6909" max="6909" width="7.42578125" style="301" customWidth="1"/>
    <col min="6910" max="6910" width="9.140625" style="301" customWidth="1"/>
    <col min="6911" max="6911" width="7.42578125" style="301" customWidth="1"/>
    <col min="6912" max="6913" width="9.140625" style="301" customWidth="1"/>
    <col min="6914" max="6914" width="7.42578125" style="301" customWidth="1"/>
    <col min="6915" max="6915" width="9.140625" style="301" customWidth="1"/>
    <col min="6916" max="6916" width="7.85546875" style="301" customWidth="1"/>
    <col min="6917" max="6918" width="9.140625" style="301" customWidth="1"/>
    <col min="6919" max="6919" width="7.7109375" style="301" customWidth="1"/>
    <col min="6920" max="6920" width="9.140625" style="301" customWidth="1"/>
    <col min="6921" max="6921" width="7.5703125" style="301" customWidth="1"/>
    <col min="6922" max="6922" width="9.140625" style="301" customWidth="1"/>
    <col min="6923" max="6924" width="7.7109375" style="301" customWidth="1"/>
    <col min="6925" max="6925" width="8" style="301" customWidth="1"/>
    <col min="6926" max="7157" width="9.140625" style="301"/>
    <col min="7158" max="7158" width="32" style="301" customWidth="1"/>
    <col min="7159" max="7159" width="9.140625" style="301"/>
    <col min="7160" max="7160" width="9.140625" style="301" customWidth="1"/>
    <col min="7161" max="7161" width="9.140625" style="301"/>
    <col min="7162" max="7162" width="9.140625" style="301" customWidth="1"/>
    <col min="7163" max="7163" width="7" style="301" customWidth="1"/>
    <col min="7164" max="7164" width="9.140625" style="301" customWidth="1"/>
    <col min="7165" max="7165" width="7.42578125" style="301" customWidth="1"/>
    <col min="7166" max="7166" width="9.140625" style="301" customWidth="1"/>
    <col min="7167" max="7167" width="7.42578125" style="301" customWidth="1"/>
    <col min="7168" max="7169" width="9.140625" style="301" customWidth="1"/>
    <col min="7170" max="7170" width="7.42578125" style="301" customWidth="1"/>
    <col min="7171" max="7171" width="9.140625" style="301" customWidth="1"/>
    <col min="7172" max="7172" width="7.85546875" style="301" customWidth="1"/>
    <col min="7173" max="7174" width="9.140625" style="301" customWidth="1"/>
    <col min="7175" max="7175" width="7.7109375" style="301" customWidth="1"/>
    <col min="7176" max="7176" width="9.140625" style="301" customWidth="1"/>
    <col min="7177" max="7177" width="7.5703125" style="301" customWidth="1"/>
    <col min="7178" max="7178" width="9.140625" style="301" customWidth="1"/>
    <col min="7179" max="7180" width="7.7109375" style="301" customWidth="1"/>
    <col min="7181" max="7181" width="8" style="301" customWidth="1"/>
    <col min="7182" max="7413" width="9.140625" style="301"/>
    <col min="7414" max="7414" width="32" style="301" customWidth="1"/>
    <col min="7415" max="7415" width="9.140625" style="301"/>
    <col min="7416" max="7416" width="9.140625" style="301" customWidth="1"/>
    <col min="7417" max="7417" width="9.140625" style="301"/>
    <col min="7418" max="7418" width="9.140625" style="301" customWidth="1"/>
    <col min="7419" max="7419" width="7" style="301" customWidth="1"/>
    <col min="7420" max="7420" width="9.140625" style="301" customWidth="1"/>
    <col min="7421" max="7421" width="7.42578125" style="301" customWidth="1"/>
    <col min="7422" max="7422" width="9.140625" style="301" customWidth="1"/>
    <col min="7423" max="7423" width="7.42578125" style="301" customWidth="1"/>
    <col min="7424" max="7425" width="9.140625" style="301" customWidth="1"/>
    <col min="7426" max="7426" width="7.42578125" style="301" customWidth="1"/>
    <col min="7427" max="7427" width="9.140625" style="301" customWidth="1"/>
    <col min="7428" max="7428" width="7.85546875" style="301" customWidth="1"/>
    <col min="7429" max="7430" width="9.140625" style="301" customWidth="1"/>
    <col min="7431" max="7431" width="7.7109375" style="301" customWidth="1"/>
    <col min="7432" max="7432" width="9.140625" style="301" customWidth="1"/>
    <col min="7433" max="7433" width="7.5703125" style="301" customWidth="1"/>
    <col min="7434" max="7434" width="9.140625" style="301" customWidth="1"/>
    <col min="7435" max="7436" width="7.7109375" style="301" customWidth="1"/>
    <col min="7437" max="7437" width="8" style="301" customWidth="1"/>
    <col min="7438" max="7669" width="9.140625" style="301"/>
    <col min="7670" max="7670" width="32" style="301" customWidth="1"/>
    <col min="7671" max="7671" width="9.140625" style="301"/>
    <col min="7672" max="7672" width="9.140625" style="301" customWidth="1"/>
    <col min="7673" max="7673" width="9.140625" style="301"/>
    <col min="7674" max="7674" width="9.140625" style="301" customWidth="1"/>
    <col min="7675" max="7675" width="7" style="301" customWidth="1"/>
    <col min="7676" max="7676" width="9.140625" style="301" customWidth="1"/>
    <col min="7677" max="7677" width="7.42578125" style="301" customWidth="1"/>
    <col min="7678" max="7678" width="9.140625" style="301" customWidth="1"/>
    <col min="7679" max="7679" width="7.42578125" style="301" customWidth="1"/>
    <col min="7680" max="7681" width="9.140625" style="301" customWidth="1"/>
    <col min="7682" max="7682" width="7.42578125" style="301" customWidth="1"/>
    <col min="7683" max="7683" width="9.140625" style="301" customWidth="1"/>
    <col min="7684" max="7684" width="7.85546875" style="301" customWidth="1"/>
    <col min="7685" max="7686" width="9.140625" style="301" customWidth="1"/>
    <col min="7687" max="7687" width="7.7109375" style="301" customWidth="1"/>
    <col min="7688" max="7688" width="9.140625" style="301" customWidth="1"/>
    <col min="7689" max="7689" width="7.5703125" style="301" customWidth="1"/>
    <col min="7690" max="7690" width="9.140625" style="301" customWidth="1"/>
    <col min="7691" max="7692" width="7.7109375" style="301" customWidth="1"/>
    <col min="7693" max="7693" width="8" style="301" customWidth="1"/>
    <col min="7694" max="7925" width="9.140625" style="301"/>
    <col min="7926" max="7926" width="32" style="301" customWidth="1"/>
    <col min="7927" max="7927" width="9.140625" style="301"/>
    <col min="7928" max="7928" width="9.140625" style="301" customWidth="1"/>
    <col min="7929" max="7929" width="9.140625" style="301"/>
    <col min="7930" max="7930" width="9.140625" style="301" customWidth="1"/>
    <col min="7931" max="7931" width="7" style="301" customWidth="1"/>
    <col min="7932" max="7932" width="9.140625" style="301" customWidth="1"/>
    <col min="7933" max="7933" width="7.42578125" style="301" customWidth="1"/>
    <col min="7934" max="7934" width="9.140625" style="301" customWidth="1"/>
    <col min="7935" max="7935" width="7.42578125" style="301" customWidth="1"/>
    <col min="7936" max="7937" width="9.140625" style="301" customWidth="1"/>
    <col min="7938" max="7938" width="7.42578125" style="301" customWidth="1"/>
    <col min="7939" max="7939" width="9.140625" style="301" customWidth="1"/>
    <col min="7940" max="7940" width="7.85546875" style="301" customWidth="1"/>
    <col min="7941" max="7942" width="9.140625" style="301" customWidth="1"/>
    <col min="7943" max="7943" width="7.7109375" style="301" customWidth="1"/>
    <col min="7944" max="7944" width="9.140625" style="301" customWidth="1"/>
    <col min="7945" max="7945" width="7.5703125" style="301" customWidth="1"/>
    <col min="7946" max="7946" width="9.140625" style="301" customWidth="1"/>
    <col min="7947" max="7948" width="7.7109375" style="301" customWidth="1"/>
    <col min="7949" max="7949" width="8" style="301" customWidth="1"/>
    <col min="7950" max="8181" width="9.140625" style="301"/>
    <col min="8182" max="8182" width="32" style="301" customWidth="1"/>
    <col min="8183" max="8183" width="9.140625" style="301"/>
    <col min="8184" max="8184" width="9.140625" style="301" customWidth="1"/>
    <col min="8185" max="8185" width="9.140625" style="301"/>
    <col min="8186" max="8186" width="9.140625" style="301" customWidth="1"/>
    <col min="8187" max="8187" width="7" style="301" customWidth="1"/>
    <col min="8188" max="8188" width="9.140625" style="301" customWidth="1"/>
    <col min="8189" max="8189" width="7.42578125" style="301" customWidth="1"/>
    <col min="8190" max="8190" width="9.140625" style="301" customWidth="1"/>
    <col min="8191" max="8191" width="7.42578125" style="301" customWidth="1"/>
    <col min="8192" max="8193" width="9.140625" style="301" customWidth="1"/>
    <col min="8194" max="8194" width="7.42578125" style="301" customWidth="1"/>
    <col min="8195" max="8195" width="9.140625" style="301" customWidth="1"/>
    <col min="8196" max="8196" width="7.85546875" style="301" customWidth="1"/>
    <col min="8197" max="8198" width="9.140625" style="301" customWidth="1"/>
    <col min="8199" max="8199" width="7.7109375" style="301" customWidth="1"/>
    <col min="8200" max="8200" width="9.140625" style="301" customWidth="1"/>
    <col min="8201" max="8201" width="7.5703125" style="301" customWidth="1"/>
    <col min="8202" max="8202" width="9.140625" style="301" customWidth="1"/>
    <col min="8203" max="8204" width="7.7109375" style="301" customWidth="1"/>
    <col min="8205" max="8205" width="8" style="301" customWidth="1"/>
    <col min="8206" max="8437" width="9.140625" style="301"/>
    <col min="8438" max="8438" width="32" style="301" customWidth="1"/>
    <col min="8439" max="8439" width="9.140625" style="301"/>
    <col min="8440" max="8440" width="9.140625" style="301" customWidth="1"/>
    <col min="8441" max="8441" width="9.140625" style="301"/>
    <col min="8442" max="8442" width="9.140625" style="301" customWidth="1"/>
    <col min="8443" max="8443" width="7" style="301" customWidth="1"/>
    <col min="8444" max="8444" width="9.140625" style="301" customWidth="1"/>
    <col min="8445" max="8445" width="7.42578125" style="301" customWidth="1"/>
    <col min="8446" max="8446" width="9.140625" style="301" customWidth="1"/>
    <col min="8447" max="8447" width="7.42578125" style="301" customWidth="1"/>
    <col min="8448" max="8449" width="9.140625" style="301" customWidth="1"/>
    <col min="8450" max="8450" width="7.42578125" style="301" customWidth="1"/>
    <col min="8451" max="8451" width="9.140625" style="301" customWidth="1"/>
    <col min="8452" max="8452" width="7.85546875" style="301" customWidth="1"/>
    <col min="8453" max="8454" width="9.140625" style="301" customWidth="1"/>
    <col min="8455" max="8455" width="7.7109375" style="301" customWidth="1"/>
    <col min="8456" max="8456" width="9.140625" style="301" customWidth="1"/>
    <col min="8457" max="8457" width="7.5703125" style="301" customWidth="1"/>
    <col min="8458" max="8458" width="9.140625" style="301" customWidth="1"/>
    <col min="8459" max="8460" width="7.7109375" style="301" customWidth="1"/>
    <col min="8461" max="8461" width="8" style="301" customWidth="1"/>
    <col min="8462" max="8693" width="9.140625" style="301"/>
    <col min="8694" max="8694" width="32" style="301" customWidth="1"/>
    <col min="8695" max="8695" width="9.140625" style="301"/>
    <col min="8696" max="8696" width="9.140625" style="301" customWidth="1"/>
    <col min="8697" max="8697" width="9.140625" style="301"/>
    <col min="8698" max="8698" width="9.140625" style="301" customWidth="1"/>
    <col min="8699" max="8699" width="7" style="301" customWidth="1"/>
    <col min="8700" max="8700" width="9.140625" style="301" customWidth="1"/>
    <col min="8701" max="8701" width="7.42578125" style="301" customWidth="1"/>
    <col min="8702" max="8702" width="9.140625" style="301" customWidth="1"/>
    <col min="8703" max="8703" width="7.42578125" style="301" customWidth="1"/>
    <col min="8704" max="8705" width="9.140625" style="301" customWidth="1"/>
    <col min="8706" max="8706" width="7.42578125" style="301" customWidth="1"/>
    <col min="8707" max="8707" width="9.140625" style="301" customWidth="1"/>
    <col min="8708" max="8708" width="7.85546875" style="301" customWidth="1"/>
    <col min="8709" max="8710" width="9.140625" style="301" customWidth="1"/>
    <col min="8711" max="8711" width="7.7109375" style="301" customWidth="1"/>
    <col min="8712" max="8712" width="9.140625" style="301" customWidth="1"/>
    <col min="8713" max="8713" width="7.5703125" style="301" customWidth="1"/>
    <col min="8714" max="8714" width="9.140625" style="301" customWidth="1"/>
    <col min="8715" max="8716" width="7.7109375" style="301" customWidth="1"/>
    <col min="8717" max="8717" width="8" style="301" customWidth="1"/>
    <col min="8718" max="8949" width="9.140625" style="301"/>
    <col min="8950" max="8950" width="32" style="301" customWidth="1"/>
    <col min="8951" max="8951" width="9.140625" style="301"/>
    <col min="8952" max="8952" width="9.140625" style="301" customWidth="1"/>
    <col min="8953" max="8953" width="9.140625" style="301"/>
    <col min="8954" max="8954" width="9.140625" style="301" customWidth="1"/>
    <col min="8955" max="8955" width="7" style="301" customWidth="1"/>
    <col min="8956" max="8956" width="9.140625" style="301" customWidth="1"/>
    <col min="8957" max="8957" width="7.42578125" style="301" customWidth="1"/>
    <col min="8958" max="8958" width="9.140625" style="301" customWidth="1"/>
    <col min="8959" max="8959" width="7.42578125" style="301" customWidth="1"/>
    <col min="8960" max="8961" width="9.140625" style="301" customWidth="1"/>
    <col min="8962" max="8962" width="7.42578125" style="301" customWidth="1"/>
    <col min="8963" max="8963" width="9.140625" style="301" customWidth="1"/>
    <col min="8964" max="8964" width="7.85546875" style="301" customWidth="1"/>
    <col min="8965" max="8966" width="9.140625" style="301" customWidth="1"/>
    <col min="8967" max="8967" width="7.7109375" style="301" customWidth="1"/>
    <col min="8968" max="8968" width="9.140625" style="301" customWidth="1"/>
    <col min="8969" max="8969" width="7.5703125" style="301" customWidth="1"/>
    <col min="8970" max="8970" width="9.140625" style="301" customWidth="1"/>
    <col min="8971" max="8972" width="7.7109375" style="301" customWidth="1"/>
    <col min="8973" max="8973" width="8" style="301" customWidth="1"/>
    <col min="8974" max="9205" width="9.140625" style="301"/>
    <col min="9206" max="9206" width="32" style="301" customWidth="1"/>
    <col min="9207" max="9207" width="9.140625" style="301"/>
    <col min="9208" max="9208" width="9.140625" style="301" customWidth="1"/>
    <col min="9209" max="9209" width="9.140625" style="301"/>
    <col min="9210" max="9210" width="9.140625" style="301" customWidth="1"/>
    <col min="9211" max="9211" width="7" style="301" customWidth="1"/>
    <col min="9212" max="9212" width="9.140625" style="301" customWidth="1"/>
    <col min="9213" max="9213" width="7.42578125" style="301" customWidth="1"/>
    <col min="9214" max="9214" width="9.140625" style="301" customWidth="1"/>
    <col min="9215" max="9215" width="7.42578125" style="301" customWidth="1"/>
    <col min="9216" max="9217" width="9.140625" style="301" customWidth="1"/>
    <col min="9218" max="9218" width="7.42578125" style="301" customWidth="1"/>
    <col min="9219" max="9219" width="9.140625" style="301" customWidth="1"/>
    <col min="9220" max="9220" width="7.85546875" style="301" customWidth="1"/>
    <col min="9221" max="9222" width="9.140625" style="301" customWidth="1"/>
    <col min="9223" max="9223" width="7.7109375" style="301" customWidth="1"/>
    <col min="9224" max="9224" width="9.140625" style="301" customWidth="1"/>
    <col min="9225" max="9225" width="7.5703125" style="301" customWidth="1"/>
    <col min="9226" max="9226" width="9.140625" style="301" customWidth="1"/>
    <col min="9227" max="9228" width="7.7109375" style="301" customWidth="1"/>
    <col min="9229" max="9229" width="8" style="301" customWidth="1"/>
    <col min="9230" max="9461" width="9.140625" style="301"/>
    <col min="9462" max="9462" width="32" style="301" customWidth="1"/>
    <col min="9463" max="9463" width="9.140625" style="301"/>
    <col min="9464" max="9464" width="9.140625" style="301" customWidth="1"/>
    <col min="9465" max="9465" width="9.140625" style="301"/>
    <col min="9466" max="9466" width="9.140625" style="301" customWidth="1"/>
    <col min="9467" max="9467" width="7" style="301" customWidth="1"/>
    <col min="9468" max="9468" width="9.140625" style="301" customWidth="1"/>
    <col min="9469" max="9469" width="7.42578125" style="301" customWidth="1"/>
    <col min="9470" max="9470" width="9.140625" style="301" customWidth="1"/>
    <col min="9471" max="9471" width="7.42578125" style="301" customWidth="1"/>
    <col min="9472" max="9473" width="9.140625" style="301" customWidth="1"/>
    <col min="9474" max="9474" width="7.42578125" style="301" customWidth="1"/>
    <col min="9475" max="9475" width="9.140625" style="301" customWidth="1"/>
    <col min="9476" max="9476" width="7.85546875" style="301" customWidth="1"/>
    <col min="9477" max="9478" width="9.140625" style="301" customWidth="1"/>
    <col min="9479" max="9479" width="7.7109375" style="301" customWidth="1"/>
    <col min="9480" max="9480" width="9.140625" style="301" customWidth="1"/>
    <col min="9481" max="9481" width="7.5703125" style="301" customWidth="1"/>
    <col min="9482" max="9482" width="9.140625" style="301" customWidth="1"/>
    <col min="9483" max="9484" width="7.7109375" style="301" customWidth="1"/>
    <col min="9485" max="9485" width="8" style="301" customWidth="1"/>
    <col min="9486" max="9717" width="9.140625" style="301"/>
    <col min="9718" max="9718" width="32" style="301" customWidth="1"/>
    <col min="9719" max="9719" width="9.140625" style="301"/>
    <col min="9720" max="9720" width="9.140625" style="301" customWidth="1"/>
    <col min="9721" max="9721" width="9.140625" style="301"/>
    <col min="9722" max="9722" width="9.140625" style="301" customWidth="1"/>
    <col min="9723" max="9723" width="7" style="301" customWidth="1"/>
    <col min="9724" max="9724" width="9.140625" style="301" customWidth="1"/>
    <col min="9725" max="9725" width="7.42578125" style="301" customWidth="1"/>
    <col min="9726" max="9726" width="9.140625" style="301" customWidth="1"/>
    <col min="9727" max="9727" width="7.42578125" style="301" customWidth="1"/>
    <col min="9728" max="9729" width="9.140625" style="301" customWidth="1"/>
    <col min="9730" max="9730" width="7.42578125" style="301" customWidth="1"/>
    <col min="9731" max="9731" width="9.140625" style="301" customWidth="1"/>
    <col min="9732" max="9732" width="7.85546875" style="301" customWidth="1"/>
    <col min="9733" max="9734" width="9.140625" style="301" customWidth="1"/>
    <col min="9735" max="9735" width="7.7109375" style="301" customWidth="1"/>
    <col min="9736" max="9736" width="9.140625" style="301" customWidth="1"/>
    <col min="9737" max="9737" width="7.5703125" style="301" customWidth="1"/>
    <col min="9738" max="9738" width="9.140625" style="301" customWidth="1"/>
    <col min="9739" max="9740" width="7.7109375" style="301" customWidth="1"/>
    <col min="9741" max="9741" width="8" style="301" customWidth="1"/>
    <col min="9742" max="9973" width="9.140625" style="301"/>
    <col min="9974" max="9974" width="32" style="301" customWidth="1"/>
    <col min="9975" max="9975" width="9.140625" style="301"/>
    <col min="9976" max="9976" width="9.140625" style="301" customWidth="1"/>
    <col min="9977" max="9977" width="9.140625" style="301"/>
    <col min="9978" max="9978" width="9.140625" style="301" customWidth="1"/>
    <col min="9979" max="9979" width="7" style="301" customWidth="1"/>
    <col min="9980" max="9980" width="9.140625" style="301" customWidth="1"/>
    <col min="9981" max="9981" width="7.42578125" style="301" customWidth="1"/>
    <col min="9982" max="9982" width="9.140625" style="301" customWidth="1"/>
    <col min="9983" max="9983" width="7.42578125" style="301" customWidth="1"/>
    <col min="9984" max="9985" width="9.140625" style="301" customWidth="1"/>
    <col min="9986" max="9986" width="7.42578125" style="301" customWidth="1"/>
    <col min="9987" max="9987" width="9.140625" style="301" customWidth="1"/>
    <col min="9988" max="9988" width="7.85546875" style="301" customWidth="1"/>
    <col min="9989" max="9990" width="9.140625" style="301" customWidth="1"/>
    <col min="9991" max="9991" width="7.7109375" style="301" customWidth="1"/>
    <col min="9992" max="9992" width="9.140625" style="301" customWidth="1"/>
    <col min="9993" max="9993" width="7.5703125" style="301" customWidth="1"/>
    <col min="9994" max="9994" width="9.140625" style="301" customWidth="1"/>
    <col min="9995" max="9996" width="7.7109375" style="301" customWidth="1"/>
    <col min="9997" max="9997" width="8" style="301" customWidth="1"/>
    <col min="9998" max="10229" width="9.140625" style="301"/>
    <col min="10230" max="10230" width="32" style="301" customWidth="1"/>
    <col min="10231" max="10231" width="9.140625" style="301"/>
    <col min="10232" max="10232" width="9.140625" style="301" customWidth="1"/>
    <col min="10233" max="10233" width="9.140625" style="301"/>
    <col min="10234" max="10234" width="9.140625" style="301" customWidth="1"/>
    <col min="10235" max="10235" width="7" style="301" customWidth="1"/>
    <col min="10236" max="10236" width="9.140625" style="301" customWidth="1"/>
    <col min="10237" max="10237" width="7.42578125" style="301" customWidth="1"/>
    <col min="10238" max="10238" width="9.140625" style="301" customWidth="1"/>
    <col min="10239" max="10239" width="7.42578125" style="301" customWidth="1"/>
    <col min="10240" max="10241" width="9.140625" style="301" customWidth="1"/>
    <col min="10242" max="10242" width="7.42578125" style="301" customWidth="1"/>
    <col min="10243" max="10243" width="9.140625" style="301" customWidth="1"/>
    <col min="10244" max="10244" width="7.85546875" style="301" customWidth="1"/>
    <col min="10245" max="10246" width="9.140625" style="301" customWidth="1"/>
    <col min="10247" max="10247" width="7.7109375" style="301" customWidth="1"/>
    <col min="10248" max="10248" width="9.140625" style="301" customWidth="1"/>
    <col min="10249" max="10249" width="7.5703125" style="301" customWidth="1"/>
    <col min="10250" max="10250" width="9.140625" style="301" customWidth="1"/>
    <col min="10251" max="10252" width="7.7109375" style="301" customWidth="1"/>
    <col min="10253" max="10253" width="8" style="301" customWidth="1"/>
    <col min="10254" max="10485" width="9.140625" style="301"/>
    <col min="10486" max="10486" width="32" style="301" customWidth="1"/>
    <col min="10487" max="10487" width="9.140625" style="301"/>
    <col min="10488" max="10488" width="9.140625" style="301" customWidth="1"/>
    <col min="10489" max="10489" width="9.140625" style="301"/>
    <col min="10490" max="10490" width="9.140625" style="301" customWidth="1"/>
    <col min="10491" max="10491" width="7" style="301" customWidth="1"/>
    <col min="10492" max="10492" width="9.140625" style="301" customWidth="1"/>
    <col min="10493" max="10493" width="7.42578125" style="301" customWidth="1"/>
    <col min="10494" max="10494" width="9.140625" style="301" customWidth="1"/>
    <col min="10495" max="10495" width="7.42578125" style="301" customWidth="1"/>
    <col min="10496" max="10497" width="9.140625" style="301" customWidth="1"/>
    <col min="10498" max="10498" width="7.42578125" style="301" customWidth="1"/>
    <col min="10499" max="10499" width="9.140625" style="301" customWidth="1"/>
    <col min="10500" max="10500" width="7.85546875" style="301" customWidth="1"/>
    <col min="10501" max="10502" width="9.140625" style="301" customWidth="1"/>
    <col min="10503" max="10503" width="7.7109375" style="301" customWidth="1"/>
    <col min="10504" max="10504" width="9.140625" style="301" customWidth="1"/>
    <col min="10505" max="10505" width="7.5703125" style="301" customWidth="1"/>
    <col min="10506" max="10506" width="9.140625" style="301" customWidth="1"/>
    <col min="10507" max="10508" width="7.7109375" style="301" customWidth="1"/>
    <col min="10509" max="10509" width="8" style="301" customWidth="1"/>
    <col min="10510" max="10741" width="9.140625" style="301"/>
    <col min="10742" max="10742" width="32" style="301" customWidth="1"/>
    <col min="10743" max="10743" width="9.140625" style="301"/>
    <col min="10744" max="10744" width="9.140625" style="301" customWidth="1"/>
    <col min="10745" max="10745" width="9.140625" style="301"/>
    <col min="10746" max="10746" width="9.140625" style="301" customWidth="1"/>
    <col min="10747" max="10747" width="7" style="301" customWidth="1"/>
    <col min="10748" max="10748" width="9.140625" style="301" customWidth="1"/>
    <col min="10749" max="10749" width="7.42578125" style="301" customWidth="1"/>
    <col min="10750" max="10750" width="9.140625" style="301" customWidth="1"/>
    <col min="10751" max="10751" width="7.42578125" style="301" customWidth="1"/>
    <col min="10752" max="10753" width="9.140625" style="301" customWidth="1"/>
    <col min="10754" max="10754" width="7.42578125" style="301" customWidth="1"/>
    <col min="10755" max="10755" width="9.140625" style="301" customWidth="1"/>
    <col min="10756" max="10756" width="7.85546875" style="301" customWidth="1"/>
    <col min="10757" max="10758" width="9.140625" style="301" customWidth="1"/>
    <col min="10759" max="10759" width="7.7109375" style="301" customWidth="1"/>
    <col min="10760" max="10760" width="9.140625" style="301" customWidth="1"/>
    <col min="10761" max="10761" width="7.5703125" style="301" customWidth="1"/>
    <col min="10762" max="10762" width="9.140625" style="301" customWidth="1"/>
    <col min="10763" max="10764" width="7.7109375" style="301" customWidth="1"/>
    <col min="10765" max="10765" width="8" style="301" customWidth="1"/>
    <col min="10766" max="10997" width="9.140625" style="301"/>
    <col min="10998" max="10998" width="32" style="301" customWidth="1"/>
    <col min="10999" max="10999" width="9.140625" style="301"/>
    <col min="11000" max="11000" width="9.140625" style="301" customWidth="1"/>
    <col min="11001" max="11001" width="9.140625" style="301"/>
    <col min="11002" max="11002" width="9.140625" style="301" customWidth="1"/>
    <col min="11003" max="11003" width="7" style="301" customWidth="1"/>
    <col min="11004" max="11004" width="9.140625" style="301" customWidth="1"/>
    <col min="11005" max="11005" width="7.42578125" style="301" customWidth="1"/>
    <col min="11006" max="11006" width="9.140625" style="301" customWidth="1"/>
    <col min="11007" max="11007" width="7.42578125" style="301" customWidth="1"/>
    <col min="11008" max="11009" width="9.140625" style="301" customWidth="1"/>
    <col min="11010" max="11010" width="7.42578125" style="301" customWidth="1"/>
    <col min="11011" max="11011" width="9.140625" style="301" customWidth="1"/>
    <col min="11012" max="11012" width="7.85546875" style="301" customWidth="1"/>
    <col min="11013" max="11014" width="9.140625" style="301" customWidth="1"/>
    <col min="11015" max="11015" width="7.7109375" style="301" customWidth="1"/>
    <col min="11016" max="11016" width="9.140625" style="301" customWidth="1"/>
    <col min="11017" max="11017" width="7.5703125" style="301" customWidth="1"/>
    <col min="11018" max="11018" width="9.140625" style="301" customWidth="1"/>
    <col min="11019" max="11020" width="7.7109375" style="301" customWidth="1"/>
    <col min="11021" max="11021" width="8" style="301" customWidth="1"/>
    <col min="11022" max="11253" width="9.140625" style="301"/>
    <col min="11254" max="11254" width="32" style="301" customWidth="1"/>
    <col min="11255" max="11255" width="9.140625" style="301"/>
    <col min="11256" max="11256" width="9.140625" style="301" customWidth="1"/>
    <col min="11257" max="11257" width="9.140625" style="301"/>
    <col min="11258" max="11258" width="9.140625" style="301" customWidth="1"/>
    <col min="11259" max="11259" width="7" style="301" customWidth="1"/>
    <col min="11260" max="11260" width="9.140625" style="301" customWidth="1"/>
    <col min="11261" max="11261" width="7.42578125" style="301" customWidth="1"/>
    <col min="11262" max="11262" width="9.140625" style="301" customWidth="1"/>
    <col min="11263" max="11263" width="7.42578125" style="301" customWidth="1"/>
    <col min="11264" max="11265" width="9.140625" style="301" customWidth="1"/>
    <col min="11266" max="11266" width="7.42578125" style="301" customWidth="1"/>
    <col min="11267" max="11267" width="9.140625" style="301" customWidth="1"/>
    <col min="11268" max="11268" width="7.85546875" style="301" customWidth="1"/>
    <col min="11269" max="11270" width="9.140625" style="301" customWidth="1"/>
    <col min="11271" max="11271" width="7.7109375" style="301" customWidth="1"/>
    <col min="11272" max="11272" width="9.140625" style="301" customWidth="1"/>
    <col min="11273" max="11273" width="7.5703125" style="301" customWidth="1"/>
    <col min="11274" max="11274" width="9.140625" style="301" customWidth="1"/>
    <col min="11275" max="11276" width="7.7109375" style="301" customWidth="1"/>
    <col min="11277" max="11277" width="8" style="301" customWidth="1"/>
    <col min="11278" max="11509" width="9.140625" style="301"/>
    <col min="11510" max="11510" width="32" style="301" customWidth="1"/>
    <col min="11511" max="11511" width="9.140625" style="301"/>
    <col min="11512" max="11512" width="9.140625" style="301" customWidth="1"/>
    <col min="11513" max="11513" width="9.140625" style="301"/>
    <col min="11514" max="11514" width="9.140625" style="301" customWidth="1"/>
    <col min="11515" max="11515" width="7" style="301" customWidth="1"/>
    <col min="11516" max="11516" width="9.140625" style="301" customWidth="1"/>
    <col min="11517" max="11517" width="7.42578125" style="301" customWidth="1"/>
    <col min="11518" max="11518" width="9.140625" style="301" customWidth="1"/>
    <col min="11519" max="11519" width="7.42578125" style="301" customWidth="1"/>
    <col min="11520" max="11521" width="9.140625" style="301" customWidth="1"/>
    <col min="11522" max="11522" width="7.42578125" style="301" customWidth="1"/>
    <col min="11523" max="11523" width="9.140625" style="301" customWidth="1"/>
    <col min="11524" max="11524" width="7.85546875" style="301" customWidth="1"/>
    <col min="11525" max="11526" width="9.140625" style="301" customWidth="1"/>
    <col min="11527" max="11527" width="7.7109375" style="301" customWidth="1"/>
    <col min="11528" max="11528" width="9.140625" style="301" customWidth="1"/>
    <col min="11529" max="11529" width="7.5703125" style="301" customWidth="1"/>
    <col min="11530" max="11530" width="9.140625" style="301" customWidth="1"/>
    <col min="11531" max="11532" width="7.7109375" style="301" customWidth="1"/>
    <col min="11533" max="11533" width="8" style="301" customWidth="1"/>
    <col min="11534" max="11765" width="9.140625" style="301"/>
    <col min="11766" max="11766" width="32" style="301" customWidth="1"/>
    <col min="11767" max="11767" width="9.140625" style="301"/>
    <col min="11768" max="11768" width="9.140625" style="301" customWidth="1"/>
    <col min="11769" max="11769" width="9.140625" style="301"/>
    <col min="11770" max="11770" width="9.140625" style="301" customWidth="1"/>
    <col min="11771" max="11771" width="7" style="301" customWidth="1"/>
    <col min="11772" max="11772" width="9.140625" style="301" customWidth="1"/>
    <col min="11773" max="11773" width="7.42578125" style="301" customWidth="1"/>
    <col min="11774" max="11774" width="9.140625" style="301" customWidth="1"/>
    <col min="11775" max="11775" width="7.42578125" style="301" customWidth="1"/>
    <col min="11776" max="11777" width="9.140625" style="301" customWidth="1"/>
    <col min="11778" max="11778" width="7.42578125" style="301" customWidth="1"/>
    <col min="11779" max="11779" width="9.140625" style="301" customWidth="1"/>
    <col min="11780" max="11780" width="7.85546875" style="301" customWidth="1"/>
    <col min="11781" max="11782" width="9.140625" style="301" customWidth="1"/>
    <col min="11783" max="11783" width="7.7109375" style="301" customWidth="1"/>
    <col min="11784" max="11784" width="9.140625" style="301" customWidth="1"/>
    <col min="11785" max="11785" width="7.5703125" style="301" customWidth="1"/>
    <col min="11786" max="11786" width="9.140625" style="301" customWidth="1"/>
    <col min="11787" max="11788" width="7.7109375" style="301" customWidth="1"/>
    <col min="11789" max="11789" width="8" style="301" customWidth="1"/>
    <col min="11790" max="12021" width="9.140625" style="301"/>
    <col min="12022" max="12022" width="32" style="301" customWidth="1"/>
    <col min="12023" max="12023" width="9.140625" style="301"/>
    <col min="12024" max="12024" width="9.140625" style="301" customWidth="1"/>
    <col min="12025" max="12025" width="9.140625" style="301"/>
    <col min="12026" max="12026" width="9.140625" style="301" customWidth="1"/>
    <col min="12027" max="12027" width="7" style="301" customWidth="1"/>
    <col min="12028" max="12028" width="9.140625" style="301" customWidth="1"/>
    <col min="12029" max="12029" width="7.42578125" style="301" customWidth="1"/>
    <col min="12030" max="12030" width="9.140625" style="301" customWidth="1"/>
    <col min="12031" max="12031" width="7.42578125" style="301" customWidth="1"/>
    <col min="12032" max="12033" width="9.140625" style="301" customWidth="1"/>
    <col min="12034" max="12034" width="7.42578125" style="301" customWidth="1"/>
    <col min="12035" max="12035" width="9.140625" style="301" customWidth="1"/>
    <col min="12036" max="12036" width="7.85546875" style="301" customWidth="1"/>
    <col min="12037" max="12038" width="9.140625" style="301" customWidth="1"/>
    <col min="12039" max="12039" width="7.7109375" style="301" customWidth="1"/>
    <col min="12040" max="12040" width="9.140625" style="301" customWidth="1"/>
    <col min="12041" max="12041" width="7.5703125" style="301" customWidth="1"/>
    <col min="12042" max="12042" width="9.140625" style="301" customWidth="1"/>
    <col min="12043" max="12044" width="7.7109375" style="301" customWidth="1"/>
    <col min="12045" max="12045" width="8" style="301" customWidth="1"/>
    <col min="12046" max="12277" width="9.140625" style="301"/>
    <col min="12278" max="12278" width="32" style="301" customWidth="1"/>
    <col min="12279" max="12279" width="9.140625" style="301"/>
    <col min="12280" max="12280" width="9.140625" style="301" customWidth="1"/>
    <col min="12281" max="12281" width="9.140625" style="301"/>
    <col min="12282" max="12282" width="9.140625" style="301" customWidth="1"/>
    <col min="12283" max="12283" width="7" style="301" customWidth="1"/>
    <col min="12284" max="12284" width="9.140625" style="301" customWidth="1"/>
    <col min="12285" max="12285" width="7.42578125" style="301" customWidth="1"/>
    <col min="12286" max="12286" width="9.140625" style="301" customWidth="1"/>
    <col min="12287" max="12287" width="7.42578125" style="301" customWidth="1"/>
    <col min="12288" max="12289" width="9.140625" style="301" customWidth="1"/>
    <col min="12290" max="12290" width="7.42578125" style="301" customWidth="1"/>
    <col min="12291" max="12291" width="9.140625" style="301" customWidth="1"/>
    <col min="12292" max="12292" width="7.85546875" style="301" customWidth="1"/>
    <col min="12293" max="12294" width="9.140625" style="301" customWidth="1"/>
    <col min="12295" max="12295" width="7.7109375" style="301" customWidth="1"/>
    <col min="12296" max="12296" width="9.140625" style="301" customWidth="1"/>
    <col min="12297" max="12297" width="7.5703125" style="301" customWidth="1"/>
    <col min="12298" max="12298" width="9.140625" style="301" customWidth="1"/>
    <col min="12299" max="12300" width="7.7109375" style="301" customWidth="1"/>
    <col min="12301" max="12301" width="8" style="301" customWidth="1"/>
    <col min="12302" max="12533" width="9.140625" style="301"/>
    <col min="12534" max="12534" width="32" style="301" customWidth="1"/>
    <col min="12535" max="12535" width="9.140625" style="301"/>
    <col min="12536" max="12536" width="9.140625" style="301" customWidth="1"/>
    <col min="12537" max="12537" width="9.140625" style="301"/>
    <col min="12538" max="12538" width="9.140625" style="301" customWidth="1"/>
    <col min="12539" max="12539" width="7" style="301" customWidth="1"/>
    <col min="12540" max="12540" width="9.140625" style="301" customWidth="1"/>
    <col min="12541" max="12541" width="7.42578125" style="301" customWidth="1"/>
    <col min="12542" max="12542" width="9.140625" style="301" customWidth="1"/>
    <col min="12543" max="12543" width="7.42578125" style="301" customWidth="1"/>
    <col min="12544" max="12545" width="9.140625" style="301" customWidth="1"/>
    <col min="12546" max="12546" width="7.42578125" style="301" customWidth="1"/>
    <col min="12547" max="12547" width="9.140625" style="301" customWidth="1"/>
    <col min="12548" max="12548" width="7.85546875" style="301" customWidth="1"/>
    <col min="12549" max="12550" width="9.140625" style="301" customWidth="1"/>
    <col min="12551" max="12551" width="7.7109375" style="301" customWidth="1"/>
    <col min="12552" max="12552" width="9.140625" style="301" customWidth="1"/>
    <col min="12553" max="12553" width="7.5703125" style="301" customWidth="1"/>
    <col min="12554" max="12554" width="9.140625" style="301" customWidth="1"/>
    <col min="12555" max="12556" width="7.7109375" style="301" customWidth="1"/>
    <col min="12557" max="12557" width="8" style="301" customWidth="1"/>
    <col min="12558" max="12789" width="9.140625" style="301"/>
    <col min="12790" max="12790" width="32" style="301" customWidth="1"/>
    <col min="12791" max="12791" width="9.140625" style="301"/>
    <col min="12792" max="12792" width="9.140625" style="301" customWidth="1"/>
    <col min="12793" max="12793" width="9.140625" style="301"/>
    <col min="12794" max="12794" width="9.140625" style="301" customWidth="1"/>
    <col min="12795" max="12795" width="7" style="301" customWidth="1"/>
    <col min="12796" max="12796" width="9.140625" style="301" customWidth="1"/>
    <col min="12797" max="12797" width="7.42578125" style="301" customWidth="1"/>
    <col min="12798" max="12798" width="9.140625" style="301" customWidth="1"/>
    <col min="12799" max="12799" width="7.42578125" style="301" customWidth="1"/>
    <col min="12800" max="12801" width="9.140625" style="301" customWidth="1"/>
    <col min="12802" max="12802" width="7.42578125" style="301" customWidth="1"/>
    <col min="12803" max="12803" width="9.140625" style="301" customWidth="1"/>
    <col min="12804" max="12804" width="7.85546875" style="301" customWidth="1"/>
    <col min="12805" max="12806" width="9.140625" style="301" customWidth="1"/>
    <col min="12807" max="12807" width="7.7109375" style="301" customWidth="1"/>
    <col min="12808" max="12808" width="9.140625" style="301" customWidth="1"/>
    <col min="12809" max="12809" width="7.5703125" style="301" customWidth="1"/>
    <col min="12810" max="12810" width="9.140625" style="301" customWidth="1"/>
    <col min="12811" max="12812" width="7.7109375" style="301" customWidth="1"/>
    <col min="12813" max="12813" width="8" style="301" customWidth="1"/>
    <col min="12814" max="13045" width="9.140625" style="301"/>
    <col min="13046" max="13046" width="32" style="301" customWidth="1"/>
    <col min="13047" max="13047" width="9.140625" style="301"/>
    <col min="13048" max="13048" width="9.140625" style="301" customWidth="1"/>
    <col min="13049" max="13049" width="9.140625" style="301"/>
    <col min="13050" max="13050" width="9.140625" style="301" customWidth="1"/>
    <col min="13051" max="13051" width="7" style="301" customWidth="1"/>
    <col min="13052" max="13052" width="9.140625" style="301" customWidth="1"/>
    <col min="13053" max="13053" width="7.42578125" style="301" customWidth="1"/>
    <col min="13054" max="13054" width="9.140625" style="301" customWidth="1"/>
    <col min="13055" max="13055" width="7.42578125" style="301" customWidth="1"/>
    <col min="13056" max="13057" width="9.140625" style="301" customWidth="1"/>
    <col min="13058" max="13058" width="7.42578125" style="301" customWidth="1"/>
    <col min="13059" max="13059" width="9.140625" style="301" customWidth="1"/>
    <col min="13060" max="13060" width="7.85546875" style="301" customWidth="1"/>
    <col min="13061" max="13062" width="9.140625" style="301" customWidth="1"/>
    <col min="13063" max="13063" width="7.7109375" style="301" customWidth="1"/>
    <col min="13064" max="13064" width="9.140625" style="301" customWidth="1"/>
    <col min="13065" max="13065" width="7.5703125" style="301" customWidth="1"/>
    <col min="13066" max="13066" width="9.140625" style="301" customWidth="1"/>
    <col min="13067" max="13068" width="7.7109375" style="301" customWidth="1"/>
    <col min="13069" max="13069" width="8" style="301" customWidth="1"/>
    <col min="13070" max="13301" width="9.140625" style="301"/>
    <col min="13302" max="13302" width="32" style="301" customWidth="1"/>
    <col min="13303" max="13303" width="9.140625" style="301"/>
    <col min="13304" max="13304" width="9.140625" style="301" customWidth="1"/>
    <col min="13305" max="13305" width="9.140625" style="301"/>
    <col min="13306" max="13306" width="9.140625" style="301" customWidth="1"/>
    <col min="13307" max="13307" width="7" style="301" customWidth="1"/>
    <col min="13308" max="13308" width="9.140625" style="301" customWidth="1"/>
    <col min="13309" max="13309" width="7.42578125" style="301" customWidth="1"/>
    <col min="13310" max="13310" width="9.140625" style="301" customWidth="1"/>
    <col min="13311" max="13311" width="7.42578125" style="301" customWidth="1"/>
    <col min="13312" max="13313" width="9.140625" style="301" customWidth="1"/>
    <col min="13314" max="13314" width="7.42578125" style="301" customWidth="1"/>
    <col min="13315" max="13315" width="9.140625" style="301" customWidth="1"/>
    <col min="13316" max="13316" width="7.85546875" style="301" customWidth="1"/>
    <col min="13317" max="13318" width="9.140625" style="301" customWidth="1"/>
    <col min="13319" max="13319" width="7.7109375" style="301" customWidth="1"/>
    <col min="13320" max="13320" width="9.140625" style="301" customWidth="1"/>
    <col min="13321" max="13321" width="7.5703125" style="301" customWidth="1"/>
    <col min="13322" max="13322" width="9.140625" style="301" customWidth="1"/>
    <col min="13323" max="13324" width="7.7109375" style="301" customWidth="1"/>
    <col min="13325" max="13325" width="8" style="301" customWidth="1"/>
    <col min="13326" max="13557" width="9.140625" style="301"/>
    <col min="13558" max="13558" width="32" style="301" customWidth="1"/>
    <col min="13559" max="13559" width="9.140625" style="301"/>
    <col min="13560" max="13560" width="9.140625" style="301" customWidth="1"/>
    <col min="13561" max="13561" width="9.140625" style="301"/>
    <col min="13562" max="13562" width="9.140625" style="301" customWidth="1"/>
    <col min="13563" max="13563" width="7" style="301" customWidth="1"/>
    <col min="13564" max="13564" width="9.140625" style="301" customWidth="1"/>
    <col min="13565" max="13565" width="7.42578125" style="301" customWidth="1"/>
    <col min="13566" max="13566" width="9.140625" style="301" customWidth="1"/>
    <col min="13567" max="13567" width="7.42578125" style="301" customWidth="1"/>
    <col min="13568" max="13569" width="9.140625" style="301" customWidth="1"/>
    <col min="13570" max="13570" width="7.42578125" style="301" customWidth="1"/>
    <col min="13571" max="13571" width="9.140625" style="301" customWidth="1"/>
    <col min="13572" max="13572" width="7.85546875" style="301" customWidth="1"/>
    <col min="13573" max="13574" width="9.140625" style="301" customWidth="1"/>
    <col min="13575" max="13575" width="7.7109375" style="301" customWidth="1"/>
    <col min="13576" max="13576" width="9.140625" style="301" customWidth="1"/>
    <col min="13577" max="13577" width="7.5703125" style="301" customWidth="1"/>
    <col min="13578" max="13578" width="9.140625" style="301" customWidth="1"/>
    <col min="13579" max="13580" width="7.7109375" style="301" customWidth="1"/>
    <col min="13581" max="13581" width="8" style="301" customWidth="1"/>
    <col min="13582" max="13813" width="9.140625" style="301"/>
    <col min="13814" max="13814" width="32" style="301" customWidth="1"/>
    <col min="13815" max="13815" width="9.140625" style="301"/>
    <col min="13816" max="13816" width="9.140625" style="301" customWidth="1"/>
    <col min="13817" max="13817" width="9.140625" style="301"/>
    <col min="13818" max="13818" width="9.140625" style="301" customWidth="1"/>
    <col min="13819" max="13819" width="7" style="301" customWidth="1"/>
    <col min="13820" max="13820" width="9.140625" style="301" customWidth="1"/>
    <col min="13821" max="13821" width="7.42578125" style="301" customWidth="1"/>
    <col min="13822" max="13822" width="9.140625" style="301" customWidth="1"/>
    <col min="13823" max="13823" width="7.42578125" style="301" customWidth="1"/>
    <col min="13824" max="13825" width="9.140625" style="301" customWidth="1"/>
    <col min="13826" max="13826" width="7.42578125" style="301" customWidth="1"/>
    <col min="13827" max="13827" width="9.140625" style="301" customWidth="1"/>
    <col min="13828" max="13828" width="7.85546875" style="301" customWidth="1"/>
    <col min="13829" max="13830" width="9.140625" style="301" customWidth="1"/>
    <col min="13831" max="13831" width="7.7109375" style="301" customWidth="1"/>
    <col min="13832" max="13832" width="9.140625" style="301" customWidth="1"/>
    <col min="13833" max="13833" width="7.5703125" style="301" customWidth="1"/>
    <col min="13834" max="13834" width="9.140625" style="301" customWidth="1"/>
    <col min="13835" max="13836" width="7.7109375" style="301" customWidth="1"/>
    <col min="13837" max="13837" width="8" style="301" customWidth="1"/>
    <col min="13838" max="14069" width="9.140625" style="301"/>
    <col min="14070" max="14070" width="32" style="301" customWidth="1"/>
    <col min="14071" max="14071" width="9.140625" style="301"/>
    <col min="14072" max="14072" width="9.140625" style="301" customWidth="1"/>
    <col min="14073" max="14073" width="9.140625" style="301"/>
    <col min="14074" max="14074" width="9.140625" style="301" customWidth="1"/>
    <col min="14075" max="14075" width="7" style="301" customWidth="1"/>
    <col min="14076" max="14076" width="9.140625" style="301" customWidth="1"/>
    <col min="14077" max="14077" width="7.42578125" style="301" customWidth="1"/>
    <col min="14078" max="14078" width="9.140625" style="301" customWidth="1"/>
    <col min="14079" max="14079" width="7.42578125" style="301" customWidth="1"/>
    <col min="14080" max="14081" width="9.140625" style="301" customWidth="1"/>
    <col min="14082" max="14082" width="7.42578125" style="301" customWidth="1"/>
    <col min="14083" max="14083" width="9.140625" style="301" customWidth="1"/>
    <col min="14084" max="14084" width="7.85546875" style="301" customWidth="1"/>
    <col min="14085" max="14086" width="9.140625" style="301" customWidth="1"/>
    <col min="14087" max="14087" width="7.7109375" style="301" customWidth="1"/>
    <col min="14088" max="14088" width="9.140625" style="301" customWidth="1"/>
    <col min="14089" max="14089" width="7.5703125" style="301" customWidth="1"/>
    <col min="14090" max="14090" width="9.140625" style="301" customWidth="1"/>
    <col min="14091" max="14092" width="7.7109375" style="301" customWidth="1"/>
    <col min="14093" max="14093" width="8" style="301" customWidth="1"/>
    <col min="14094" max="14325" width="9.140625" style="301"/>
    <col min="14326" max="14326" width="32" style="301" customWidth="1"/>
    <col min="14327" max="14327" width="9.140625" style="301"/>
    <col min="14328" max="14328" width="9.140625" style="301" customWidth="1"/>
    <col min="14329" max="14329" width="9.140625" style="301"/>
    <col min="14330" max="14330" width="9.140625" style="301" customWidth="1"/>
    <col min="14331" max="14331" width="7" style="301" customWidth="1"/>
    <col min="14332" max="14332" width="9.140625" style="301" customWidth="1"/>
    <col min="14333" max="14333" width="7.42578125" style="301" customWidth="1"/>
    <col min="14334" max="14334" width="9.140625" style="301" customWidth="1"/>
    <col min="14335" max="14335" width="7.42578125" style="301" customWidth="1"/>
    <col min="14336" max="14337" width="9.140625" style="301" customWidth="1"/>
    <col min="14338" max="14338" width="7.42578125" style="301" customWidth="1"/>
    <col min="14339" max="14339" width="9.140625" style="301" customWidth="1"/>
    <col min="14340" max="14340" width="7.85546875" style="301" customWidth="1"/>
    <col min="14341" max="14342" width="9.140625" style="301" customWidth="1"/>
    <col min="14343" max="14343" width="7.7109375" style="301" customWidth="1"/>
    <col min="14344" max="14344" width="9.140625" style="301" customWidth="1"/>
    <col min="14345" max="14345" width="7.5703125" style="301" customWidth="1"/>
    <col min="14346" max="14346" width="9.140625" style="301" customWidth="1"/>
    <col min="14347" max="14348" width="7.7109375" style="301" customWidth="1"/>
    <col min="14349" max="14349" width="8" style="301" customWidth="1"/>
    <col min="14350" max="14581" width="9.140625" style="301"/>
    <col min="14582" max="14582" width="32" style="301" customWidth="1"/>
    <col min="14583" max="14583" width="9.140625" style="301"/>
    <col min="14584" max="14584" width="9.140625" style="301" customWidth="1"/>
    <col min="14585" max="14585" width="9.140625" style="301"/>
    <col min="14586" max="14586" width="9.140625" style="301" customWidth="1"/>
    <col min="14587" max="14587" width="7" style="301" customWidth="1"/>
    <col min="14588" max="14588" width="9.140625" style="301" customWidth="1"/>
    <col min="14589" max="14589" width="7.42578125" style="301" customWidth="1"/>
    <col min="14590" max="14590" width="9.140625" style="301" customWidth="1"/>
    <col min="14591" max="14591" width="7.42578125" style="301" customWidth="1"/>
    <col min="14592" max="14593" width="9.140625" style="301" customWidth="1"/>
    <col min="14594" max="14594" width="7.42578125" style="301" customWidth="1"/>
    <col min="14595" max="14595" width="9.140625" style="301" customWidth="1"/>
    <col min="14596" max="14596" width="7.85546875" style="301" customWidth="1"/>
    <col min="14597" max="14598" width="9.140625" style="301" customWidth="1"/>
    <col min="14599" max="14599" width="7.7109375" style="301" customWidth="1"/>
    <col min="14600" max="14600" width="9.140625" style="301" customWidth="1"/>
    <col min="14601" max="14601" width="7.5703125" style="301" customWidth="1"/>
    <col min="14602" max="14602" width="9.140625" style="301" customWidth="1"/>
    <col min="14603" max="14604" width="7.7109375" style="301" customWidth="1"/>
    <col min="14605" max="14605" width="8" style="301" customWidth="1"/>
    <col min="14606" max="14837" width="9.140625" style="301"/>
    <col min="14838" max="14838" width="32" style="301" customWidth="1"/>
    <col min="14839" max="14839" width="9.140625" style="301"/>
    <col min="14840" max="14840" width="9.140625" style="301" customWidth="1"/>
    <col min="14841" max="14841" width="9.140625" style="301"/>
    <col min="14842" max="14842" width="9.140625" style="301" customWidth="1"/>
    <col min="14843" max="14843" width="7" style="301" customWidth="1"/>
    <col min="14844" max="14844" width="9.140625" style="301" customWidth="1"/>
    <col min="14845" max="14845" width="7.42578125" style="301" customWidth="1"/>
    <col min="14846" max="14846" width="9.140625" style="301" customWidth="1"/>
    <col min="14847" max="14847" width="7.42578125" style="301" customWidth="1"/>
    <col min="14848" max="14849" width="9.140625" style="301" customWidth="1"/>
    <col min="14850" max="14850" width="7.42578125" style="301" customWidth="1"/>
    <col min="14851" max="14851" width="9.140625" style="301" customWidth="1"/>
    <col min="14852" max="14852" width="7.85546875" style="301" customWidth="1"/>
    <col min="14853" max="14854" width="9.140625" style="301" customWidth="1"/>
    <col min="14855" max="14855" width="7.7109375" style="301" customWidth="1"/>
    <col min="14856" max="14856" width="9.140625" style="301" customWidth="1"/>
    <col min="14857" max="14857" width="7.5703125" style="301" customWidth="1"/>
    <col min="14858" max="14858" width="9.140625" style="301" customWidth="1"/>
    <col min="14859" max="14860" width="7.7109375" style="301" customWidth="1"/>
    <col min="14861" max="14861" width="8" style="301" customWidth="1"/>
    <col min="14862" max="15093" width="9.140625" style="301"/>
    <col min="15094" max="15094" width="32" style="301" customWidth="1"/>
    <col min="15095" max="15095" width="9.140625" style="301"/>
    <col min="15096" max="15096" width="9.140625" style="301" customWidth="1"/>
    <col min="15097" max="15097" width="9.140625" style="301"/>
    <col min="15098" max="15098" width="9.140625" style="301" customWidth="1"/>
    <col min="15099" max="15099" width="7" style="301" customWidth="1"/>
    <col min="15100" max="15100" width="9.140625" style="301" customWidth="1"/>
    <col min="15101" max="15101" width="7.42578125" style="301" customWidth="1"/>
    <col min="15102" max="15102" width="9.140625" style="301" customWidth="1"/>
    <col min="15103" max="15103" width="7.42578125" style="301" customWidth="1"/>
    <col min="15104" max="15105" width="9.140625" style="301" customWidth="1"/>
    <col min="15106" max="15106" width="7.42578125" style="301" customWidth="1"/>
    <col min="15107" max="15107" width="9.140625" style="301" customWidth="1"/>
    <col min="15108" max="15108" width="7.85546875" style="301" customWidth="1"/>
    <col min="15109" max="15110" width="9.140625" style="301" customWidth="1"/>
    <col min="15111" max="15111" width="7.7109375" style="301" customWidth="1"/>
    <col min="15112" max="15112" width="9.140625" style="301" customWidth="1"/>
    <col min="15113" max="15113" width="7.5703125" style="301" customWidth="1"/>
    <col min="15114" max="15114" width="9.140625" style="301" customWidth="1"/>
    <col min="15115" max="15116" width="7.7109375" style="301" customWidth="1"/>
    <col min="15117" max="15117" width="8" style="301" customWidth="1"/>
    <col min="15118" max="15349" width="9.140625" style="301"/>
    <col min="15350" max="15350" width="32" style="301" customWidth="1"/>
    <col min="15351" max="15351" width="9.140625" style="301"/>
    <col min="15352" max="15352" width="9.140625" style="301" customWidth="1"/>
    <col min="15353" max="15353" width="9.140625" style="301"/>
    <col min="15354" max="15354" width="9.140625" style="301" customWidth="1"/>
    <col min="15355" max="15355" width="7" style="301" customWidth="1"/>
    <col min="15356" max="15356" width="9.140625" style="301" customWidth="1"/>
    <col min="15357" max="15357" width="7.42578125" style="301" customWidth="1"/>
    <col min="15358" max="15358" width="9.140625" style="301" customWidth="1"/>
    <col min="15359" max="15359" width="7.42578125" style="301" customWidth="1"/>
    <col min="15360" max="15361" width="9.140625" style="301" customWidth="1"/>
    <col min="15362" max="15362" width="7.42578125" style="301" customWidth="1"/>
    <col min="15363" max="15363" width="9.140625" style="301" customWidth="1"/>
    <col min="15364" max="15364" width="7.85546875" style="301" customWidth="1"/>
    <col min="15365" max="15366" width="9.140625" style="301" customWidth="1"/>
    <col min="15367" max="15367" width="7.7109375" style="301" customWidth="1"/>
    <col min="15368" max="15368" width="9.140625" style="301" customWidth="1"/>
    <col min="15369" max="15369" width="7.5703125" style="301" customWidth="1"/>
    <col min="15370" max="15370" width="9.140625" style="301" customWidth="1"/>
    <col min="15371" max="15372" width="7.7109375" style="301" customWidth="1"/>
    <col min="15373" max="15373" width="8" style="301" customWidth="1"/>
    <col min="15374" max="15605" width="9.140625" style="301"/>
    <col min="15606" max="15606" width="32" style="301" customWidth="1"/>
    <col min="15607" max="15607" width="9.140625" style="301"/>
    <col min="15608" max="15608" width="9.140625" style="301" customWidth="1"/>
    <col min="15609" max="15609" width="9.140625" style="301"/>
    <col min="15610" max="15610" width="9.140625" style="301" customWidth="1"/>
    <col min="15611" max="15611" width="7" style="301" customWidth="1"/>
    <col min="15612" max="15612" width="9.140625" style="301" customWidth="1"/>
    <col min="15613" max="15613" width="7.42578125" style="301" customWidth="1"/>
    <col min="15614" max="15614" width="9.140625" style="301" customWidth="1"/>
    <col min="15615" max="15615" width="7.42578125" style="301" customWidth="1"/>
    <col min="15616" max="15617" width="9.140625" style="301" customWidth="1"/>
    <col min="15618" max="15618" width="7.42578125" style="301" customWidth="1"/>
    <col min="15619" max="15619" width="9.140625" style="301" customWidth="1"/>
    <col min="15620" max="15620" width="7.85546875" style="301" customWidth="1"/>
    <col min="15621" max="15622" width="9.140625" style="301" customWidth="1"/>
    <col min="15623" max="15623" width="7.7109375" style="301" customWidth="1"/>
    <col min="15624" max="15624" width="9.140625" style="301" customWidth="1"/>
    <col min="15625" max="15625" width="7.5703125" style="301" customWidth="1"/>
    <col min="15626" max="15626" width="9.140625" style="301" customWidth="1"/>
    <col min="15627" max="15628" width="7.7109375" style="301" customWidth="1"/>
    <col min="15629" max="15629" width="8" style="301" customWidth="1"/>
    <col min="15630" max="15861" width="9.140625" style="301"/>
    <col min="15862" max="15862" width="32" style="301" customWidth="1"/>
    <col min="15863" max="15863" width="9.140625" style="301"/>
    <col min="15864" max="15864" width="9.140625" style="301" customWidth="1"/>
    <col min="15865" max="15865" width="9.140625" style="301"/>
    <col min="15866" max="15866" width="9.140625" style="301" customWidth="1"/>
    <col min="15867" max="15867" width="7" style="301" customWidth="1"/>
    <col min="15868" max="15868" width="9.140625" style="301" customWidth="1"/>
    <col min="15869" max="15869" width="7.42578125" style="301" customWidth="1"/>
    <col min="15870" max="15870" width="9.140625" style="301" customWidth="1"/>
    <col min="15871" max="15871" width="7.42578125" style="301" customWidth="1"/>
    <col min="15872" max="15873" width="9.140625" style="301" customWidth="1"/>
    <col min="15874" max="15874" width="7.42578125" style="301" customWidth="1"/>
    <col min="15875" max="15875" width="9.140625" style="301" customWidth="1"/>
    <col min="15876" max="15876" width="7.85546875" style="301" customWidth="1"/>
    <col min="15877" max="15878" width="9.140625" style="301" customWidth="1"/>
    <col min="15879" max="15879" width="7.7109375" style="301" customWidth="1"/>
    <col min="15880" max="15880" width="9.140625" style="301" customWidth="1"/>
    <col min="15881" max="15881" width="7.5703125" style="301" customWidth="1"/>
    <col min="15882" max="15882" width="9.140625" style="301" customWidth="1"/>
    <col min="15883" max="15884" width="7.7109375" style="301" customWidth="1"/>
    <col min="15885" max="15885" width="8" style="301" customWidth="1"/>
    <col min="15886" max="16117" width="9.140625" style="301"/>
    <col min="16118" max="16118" width="32" style="301" customWidth="1"/>
    <col min="16119" max="16119" width="9.140625" style="301"/>
    <col min="16120" max="16120" width="9.140625" style="301" customWidth="1"/>
    <col min="16121" max="16121" width="9.140625" style="301"/>
    <col min="16122" max="16122" width="9.140625" style="301" customWidth="1"/>
    <col min="16123" max="16123" width="7" style="301" customWidth="1"/>
    <col min="16124" max="16124" width="9.140625" style="301" customWidth="1"/>
    <col min="16125" max="16125" width="7.42578125" style="301" customWidth="1"/>
    <col min="16126" max="16126" width="9.140625" style="301" customWidth="1"/>
    <col min="16127" max="16127" width="7.42578125" style="301" customWidth="1"/>
    <col min="16128" max="16129" width="9.140625" style="301" customWidth="1"/>
    <col min="16130" max="16130" width="7.42578125" style="301" customWidth="1"/>
    <col min="16131" max="16131" width="9.140625" style="301" customWidth="1"/>
    <col min="16132" max="16132" width="7.85546875" style="301" customWidth="1"/>
    <col min="16133" max="16134" width="9.140625" style="301" customWidth="1"/>
    <col min="16135" max="16135" width="7.7109375" style="301" customWidth="1"/>
    <col min="16136" max="16136" width="9.140625" style="301" customWidth="1"/>
    <col min="16137" max="16137" width="7.5703125" style="301" customWidth="1"/>
    <col min="16138" max="16138" width="9.140625" style="301" customWidth="1"/>
    <col min="16139" max="16140" width="7.7109375" style="301" customWidth="1"/>
    <col min="16141" max="16141" width="8" style="301" customWidth="1"/>
    <col min="16142" max="16384" width="9.140625" style="301"/>
  </cols>
  <sheetData>
    <row r="1" spans="1:13" ht="10.5" x14ac:dyDescent="0.2">
      <c r="A1" s="520"/>
    </row>
    <row r="3" spans="1:13" ht="11.25" customHeight="1" x14ac:dyDescent="0.2">
      <c r="A3" s="1130" t="s">
        <v>641</v>
      </c>
      <c r="B3" s="1130"/>
      <c r="C3" s="1130"/>
      <c r="D3" s="1130"/>
      <c r="E3" s="1130"/>
      <c r="F3" s="1130"/>
      <c r="G3" s="1130"/>
      <c r="H3" s="1130"/>
      <c r="I3" s="1130"/>
      <c r="J3" s="1130"/>
      <c r="K3" s="1130"/>
      <c r="L3" s="1130"/>
      <c r="M3" s="522"/>
    </row>
    <row r="4" spans="1:13" ht="11.25" customHeight="1" x14ac:dyDescent="0.2">
      <c r="A4" s="1130" t="s">
        <v>105</v>
      </c>
      <c r="B4" s="1130"/>
      <c r="C4" s="1130"/>
      <c r="D4" s="1130"/>
      <c r="E4" s="1130"/>
      <c r="F4" s="1130"/>
      <c r="G4" s="1130"/>
      <c r="H4" s="1130"/>
      <c r="I4" s="1130"/>
      <c r="J4" s="1130"/>
      <c r="K4" s="1130"/>
      <c r="L4" s="1130"/>
      <c r="M4" s="522"/>
    </row>
    <row r="5" spans="1:13" ht="11.25" customHeight="1" x14ac:dyDescent="0.2">
      <c r="A5" s="1130" t="s">
        <v>818</v>
      </c>
      <c r="B5" s="1130"/>
      <c r="C5" s="1130"/>
      <c r="D5" s="1130"/>
      <c r="E5" s="1130"/>
      <c r="F5" s="1130"/>
      <c r="G5" s="1130"/>
      <c r="H5" s="1130"/>
      <c r="I5" s="1130"/>
      <c r="J5" s="1130"/>
      <c r="K5" s="1130"/>
      <c r="L5" s="1130"/>
      <c r="M5" s="522"/>
    </row>
    <row r="6" spans="1:13" ht="11.25" customHeight="1" x14ac:dyDescent="0.2">
      <c r="A6" s="1131" t="s">
        <v>107</v>
      </c>
      <c r="B6" s="1130"/>
      <c r="C6" s="1130"/>
      <c r="D6" s="1130"/>
      <c r="E6" s="1130"/>
      <c r="F6" s="1130"/>
      <c r="G6" s="1130"/>
      <c r="H6" s="1130"/>
      <c r="I6" s="1130"/>
      <c r="J6" s="1130"/>
      <c r="K6" s="1130"/>
      <c r="L6" s="1130"/>
      <c r="M6" s="522"/>
    </row>
    <row r="7" spans="1:13" ht="11.25" customHeight="1" x14ac:dyDescent="0.2">
      <c r="A7" s="1130" t="s">
        <v>874</v>
      </c>
      <c r="B7" s="1130"/>
      <c r="C7" s="1130"/>
      <c r="D7" s="1130"/>
      <c r="E7" s="1130"/>
      <c r="F7" s="1130"/>
      <c r="G7" s="1130"/>
      <c r="H7" s="1130"/>
      <c r="I7" s="1130"/>
      <c r="J7" s="1130"/>
      <c r="K7" s="1130"/>
      <c r="L7" s="1130"/>
      <c r="M7" s="522"/>
    </row>
    <row r="8" spans="1:13" ht="11.25" customHeight="1" x14ac:dyDescent="0.2">
      <c r="A8" s="1129"/>
      <c r="B8" s="1129"/>
      <c r="C8" s="1129"/>
      <c r="D8" s="1129"/>
      <c r="E8" s="1129"/>
      <c r="F8" s="1129"/>
      <c r="G8" s="1129"/>
      <c r="H8" s="1129"/>
      <c r="I8" s="1129"/>
      <c r="J8" s="1129"/>
      <c r="K8" s="1129"/>
      <c r="L8" s="1129"/>
      <c r="M8" s="522"/>
    </row>
    <row r="9" spans="1:13" ht="11.25" customHeight="1" x14ac:dyDescent="0.2">
      <c r="A9" s="1128" t="s">
        <v>819</v>
      </c>
      <c r="B9" s="1128"/>
      <c r="C9" s="1128"/>
      <c r="D9" s="1128"/>
      <c r="E9" s="521"/>
      <c r="F9" s="521"/>
      <c r="G9" s="521"/>
      <c r="H9" s="521"/>
      <c r="I9" s="521"/>
      <c r="J9" s="521"/>
      <c r="K9" s="1125">
        <v>1</v>
      </c>
      <c r="L9" s="1125"/>
      <c r="M9" s="522"/>
    </row>
    <row r="10" spans="1:13" s="240" customFormat="1" ht="12" customHeight="1" x14ac:dyDescent="0.2">
      <c r="A10" s="857" t="s">
        <v>173</v>
      </c>
      <c r="B10" s="820" t="s">
        <v>820</v>
      </c>
      <c r="C10" s="821"/>
      <c r="D10" s="822"/>
      <c r="E10" s="860" t="s">
        <v>855</v>
      </c>
      <c r="F10" s="772"/>
      <c r="G10" s="772"/>
      <c r="H10" s="772"/>
      <c r="I10" s="772"/>
      <c r="J10" s="773"/>
      <c r="K10" s="1126" t="s">
        <v>821</v>
      </c>
      <c r="L10" s="1127"/>
      <c r="M10" s="522"/>
    </row>
    <row r="11" spans="1:13" s="240" customFormat="1" ht="11.25" customHeight="1" x14ac:dyDescent="0.2">
      <c r="A11" s="847"/>
      <c r="B11" s="846" t="s">
        <v>822</v>
      </c>
      <c r="C11" s="852"/>
      <c r="D11" s="825"/>
      <c r="E11" s="872" t="s">
        <v>823</v>
      </c>
      <c r="F11" s="866"/>
      <c r="G11" s="857"/>
      <c r="H11" s="872" t="s">
        <v>824</v>
      </c>
      <c r="I11" s="866"/>
      <c r="J11" s="857"/>
      <c r="K11" s="850"/>
      <c r="L11" s="852"/>
      <c r="M11" s="522"/>
    </row>
    <row r="12" spans="1:13" s="240" customFormat="1" ht="11.25" customHeight="1" x14ac:dyDescent="0.2">
      <c r="A12" s="847"/>
      <c r="B12" s="846" t="s">
        <v>825</v>
      </c>
      <c r="C12" s="852"/>
      <c r="D12" s="825"/>
      <c r="E12" s="846"/>
      <c r="F12" s="1097"/>
      <c r="G12" s="847"/>
      <c r="H12" s="846"/>
      <c r="I12" s="1097"/>
      <c r="J12" s="847"/>
      <c r="K12" s="846" t="s">
        <v>826</v>
      </c>
      <c r="L12" s="1097"/>
      <c r="M12" s="522"/>
    </row>
    <row r="13" spans="1:13" s="240" customFormat="1" ht="21" customHeight="1" x14ac:dyDescent="0.2">
      <c r="A13" s="849"/>
      <c r="B13" s="848" t="s">
        <v>116</v>
      </c>
      <c r="C13" s="882"/>
      <c r="D13" s="826"/>
      <c r="E13" s="848"/>
      <c r="F13" s="867"/>
      <c r="G13" s="849"/>
      <c r="H13" s="882" t="s">
        <v>117</v>
      </c>
      <c r="I13" s="882"/>
      <c r="J13" s="826"/>
      <c r="K13" s="848"/>
      <c r="L13" s="867"/>
      <c r="M13" s="522"/>
    </row>
    <row r="14" spans="1:13" s="174" customFormat="1" ht="11.25" customHeight="1" x14ac:dyDescent="0.2">
      <c r="A14" s="523" t="s">
        <v>827</v>
      </c>
      <c r="B14" s="1104"/>
      <c r="C14" s="1105"/>
      <c r="D14" s="1106"/>
      <c r="E14" s="1105"/>
      <c r="F14" s="1105"/>
      <c r="G14" s="1106"/>
      <c r="H14" s="1105"/>
      <c r="I14" s="1105"/>
      <c r="J14" s="1106"/>
      <c r="K14" s="1107"/>
      <c r="L14" s="1108"/>
      <c r="M14" s="524"/>
    </row>
    <row r="15" spans="1:13" s="240" customFormat="1" ht="11.25" customHeight="1" x14ac:dyDescent="0.2">
      <c r="A15" s="63" t="s">
        <v>828</v>
      </c>
      <c r="B15" s="1109"/>
      <c r="C15" s="1110"/>
      <c r="D15" s="1111"/>
      <c r="E15" s="1112"/>
      <c r="F15" s="1110"/>
      <c r="G15" s="1111"/>
      <c r="H15" s="1112"/>
      <c r="I15" s="1110"/>
      <c r="J15" s="1111"/>
      <c r="K15" s="1113"/>
      <c r="L15" s="1114"/>
      <c r="M15" s="522"/>
    </row>
    <row r="16" spans="1:13" s="240" customFormat="1" ht="11.25" customHeight="1" x14ac:dyDescent="0.2">
      <c r="A16" s="63" t="s">
        <v>829</v>
      </c>
      <c r="B16" s="1109"/>
      <c r="C16" s="1110"/>
      <c r="D16" s="1111"/>
      <c r="E16" s="1112"/>
      <c r="F16" s="1110"/>
      <c r="G16" s="1111"/>
      <c r="H16" s="1112"/>
      <c r="I16" s="1110"/>
      <c r="J16" s="1111"/>
      <c r="K16" s="1113"/>
      <c r="L16" s="1114"/>
      <c r="M16" s="522"/>
    </row>
    <row r="17" spans="1:13" s="240" customFormat="1" ht="11.25" customHeight="1" x14ac:dyDescent="0.2">
      <c r="A17" s="63" t="s">
        <v>830</v>
      </c>
      <c r="B17" s="1099"/>
      <c r="C17" s="1100"/>
      <c r="D17" s="1101"/>
      <c r="E17" s="1100"/>
      <c r="F17" s="1100"/>
      <c r="G17" s="1101"/>
      <c r="H17" s="1100"/>
      <c r="I17" s="1100"/>
      <c r="J17" s="1101"/>
      <c r="K17" s="1102"/>
      <c r="L17" s="1103"/>
      <c r="M17" s="522"/>
    </row>
    <row r="18" spans="1:13" s="174" customFormat="1" ht="11.25" customHeight="1" x14ac:dyDescent="0.2">
      <c r="A18" s="523" t="s">
        <v>831</v>
      </c>
      <c r="B18" s="1104"/>
      <c r="C18" s="1105"/>
      <c r="D18" s="1106"/>
      <c r="E18" s="1105"/>
      <c r="F18" s="1105"/>
      <c r="G18" s="1106"/>
      <c r="H18" s="1105"/>
      <c r="I18" s="1105"/>
      <c r="J18" s="1106"/>
      <c r="K18" s="1107"/>
      <c r="L18" s="1108"/>
      <c r="M18" s="524"/>
    </row>
    <row r="19" spans="1:13" s="240" customFormat="1" ht="11.25" customHeight="1" x14ac:dyDescent="0.2">
      <c r="A19" s="63" t="s">
        <v>832</v>
      </c>
      <c r="B19" s="1109"/>
      <c r="C19" s="1110"/>
      <c r="D19" s="1111"/>
      <c r="E19" s="1112"/>
      <c r="F19" s="1110"/>
      <c r="G19" s="1111"/>
      <c r="H19" s="1112"/>
      <c r="I19" s="1110"/>
      <c r="J19" s="1111"/>
      <c r="K19" s="1113"/>
      <c r="L19" s="1114"/>
      <c r="M19" s="522"/>
    </row>
    <row r="20" spans="1:13" s="240" customFormat="1" ht="11.25" customHeight="1" x14ac:dyDescent="0.2">
      <c r="A20" s="63" t="s">
        <v>833</v>
      </c>
      <c r="B20" s="1109"/>
      <c r="C20" s="1110"/>
      <c r="D20" s="1111"/>
      <c r="E20" s="1112"/>
      <c r="F20" s="1110"/>
      <c r="G20" s="1111"/>
      <c r="H20" s="1112"/>
      <c r="I20" s="1110"/>
      <c r="J20" s="1111"/>
      <c r="K20" s="1113"/>
      <c r="L20" s="1114"/>
      <c r="M20" s="522"/>
    </row>
    <row r="21" spans="1:13" s="240" customFormat="1" ht="11.25" customHeight="1" x14ac:dyDescent="0.2">
      <c r="A21" s="63" t="s">
        <v>834</v>
      </c>
      <c r="B21" s="1099"/>
      <c r="C21" s="1100"/>
      <c r="D21" s="1101"/>
      <c r="E21" s="1100"/>
      <c r="F21" s="1100"/>
      <c r="G21" s="1101"/>
      <c r="H21" s="1100"/>
      <c r="I21" s="1100"/>
      <c r="J21" s="1101"/>
      <c r="K21" s="1102"/>
      <c r="L21" s="1103"/>
      <c r="M21" s="522"/>
    </row>
    <row r="22" spans="1:13" s="240" customFormat="1" ht="11.25" customHeight="1" x14ac:dyDescent="0.2">
      <c r="A22" s="525" t="s">
        <v>835</v>
      </c>
      <c r="B22" s="1120"/>
      <c r="C22" s="1121"/>
      <c r="D22" s="1122"/>
      <c r="E22" s="1121"/>
      <c r="F22" s="1121"/>
      <c r="G22" s="1122"/>
      <c r="H22" s="1121"/>
      <c r="I22" s="1121"/>
      <c r="J22" s="1122"/>
      <c r="K22" s="1123"/>
      <c r="L22" s="1124"/>
      <c r="M22" s="522"/>
    </row>
    <row r="23" spans="1:13" s="240" customFormat="1" ht="11.25" customHeight="1" x14ac:dyDescent="0.2">
      <c r="A23" s="526" t="s">
        <v>836</v>
      </c>
      <c r="B23" s="1120"/>
      <c r="C23" s="1121"/>
      <c r="D23" s="1122"/>
      <c r="E23" s="1121"/>
      <c r="F23" s="1121"/>
      <c r="G23" s="1122"/>
      <c r="H23" s="1121"/>
      <c r="I23" s="1121"/>
      <c r="J23" s="1122"/>
      <c r="K23" s="1123"/>
      <c r="L23" s="1124"/>
      <c r="M23" s="522"/>
    </row>
    <row r="24" spans="1:13" s="240" customFormat="1" ht="11.25" customHeight="1" x14ac:dyDescent="0.2">
      <c r="A24" s="527" t="s">
        <v>837</v>
      </c>
      <c r="B24" s="1115"/>
      <c r="C24" s="1116"/>
      <c r="D24" s="1117"/>
      <c r="E24" s="1116"/>
      <c r="F24" s="1116"/>
      <c r="G24" s="1117"/>
      <c r="H24" s="1116"/>
      <c r="I24" s="1116"/>
      <c r="J24" s="1117"/>
      <c r="K24" s="1118"/>
      <c r="L24" s="1119"/>
      <c r="M24" s="522"/>
    </row>
    <row r="25" spans="1:13" s="240" customFormat="1" ht="11.25" customHeight="1" x14ac:dyDescent="0.2">
      <c r="A25" s="63" t="s">
        <v>838</v>
      </c>
      <c r="B25" s="1109"/>
      <c r="C25" s="1110"/>
      <c r="D25" s="1111"/>
      <c r="E25" s="1112"/>
      <c r="F25" s="1110"/>
      <c r="G25" s="1111"/>
      <c r="H25" s="1112"/>
      <c r="I25" s="1110"/>
      <c r="J25" s="1111"/>
      <c r="K25" s="1113"/>
      <c r="L25" s="1114"/>
      <c r="M25" s="522"/>
    </row>
    <row r="26" spans="1:13" s="240" customFormat="1" ht="11.25" customHeight="1" x14ac:dyDescent="0.2">
      <c r="A26" s="63" t="s">
        <v>839</v>
      </c>
      <c r="B26" s="1109"/>
      <c r="C26" s="1110"/>
      <c r="D26" s="1111"/>
      <c r="E26" s="1112"/>
      <c r="F26" s="1110"/>
      <c r="G26" s="1111"/>
      <c r="H26" s="1112"/>
      <c r="I26" s="1110"/>
      <c r="J26" s="1111"/>
      <c r="K26" s="1113"/>
      <c r="L26" s="1114"/>
      <c r="M26" s="522"/>
    </row>
    <row r="27" spans="1:13" s="240" customFormat="1" ht="11.25" customHeight="1" x14ac:dyDescent="0.2">
      <c r="A27" s="528" t="s">
        <v>840</v>
      </c>
      <c r="B27" s="1099"/>
      <c r="C27" s="1100"/>
      <c r="D27" s="1101"/>
      <c r="E27" s="1100"/>
      <c r="F27" s="1100"/>
      <c r="G27" s="1101"/>
      <c r="H27" s="1100"/>
      <c r="I27" s="1100"/>
      <c r="J27" s="1101"/>
      <c r="K27" s="1102"/>
      <c r="L27" s="1103"/>
      <c r="M27" s="522"/>
    </row>
    <row r="28" spans="1:13" s="174" customFormat="1" ht="11.25" customHeight="1" x14ac:dyDescent="0.2">
      <c r="A28" s="527" t="s">
        <v>841</v>
      </c>
      <c r="B28" s="1104"/>
      <c r="C28" s="1105"/>
      <c r="D28" s="1106"/>
      <c r="E28" s="1105"/>
      <c r="F28" s="1105"/>
      <c r="G28" s="1106"/>
      <c r="H28" s="1105"/>
      <c r="I28" s="1105"/>
      <c r="J28" s="1106"/>
      <c r="K28" s="1107"/>
      <c r="L28" s="1108"/>
      <c r="M28" s="524"/>
    </row>
    <row r="29" spans="1:13" s="240" customFormat="1" ht="11.25" customHeight="1" x14ac:dyDescent="0.2">
      <c r="A29" s="63" t="s">
        <v>842</v>
      </c>
      <c r="B29" s="1109"/>
      <c r="C29" s="1110"/>
      <c r="D29" s="1111"/>
      <c r="E29" s="1112"/>
      <c r="F29" s="1110"/>
      <c r="G29" s="1111"/>
      <c r="H29" s="1112"/>
      <c r="I29" s="1110"/>
      <c r="J29" s="1111"/>
      <c r="K29" s="1113"/>
      <c r="L29" s="1114"/>
      <c r="M29" s="522"/>
    </row>
    <row r="30" spans="1:13" s="240" customFormat="1" ht="11.25" customHeight="1" x14ac:dyDescent="0.2">
      <c r="A30" s="528" t="s">
        <v>843</v>
      </c>
      <c r="B30" s="1099"/>
      <c r="C30" s="1100"/>
      <c r="D30" s="1101"/>
      <c r="E30" s="1100"/>
      <c r="F30" s="1100"/>
      <c r="G30" s="1101"/>
      <c r="H30" s="1100"/>
      <c r="I30" s="1100"/>
      <c r="J30" s="1101"/>
      <c r="K30" s="1102"/>
      <c r="L30" s="1103"/>
      <c r="M30" s="522"/>
    </row>
    <row r="31" spans="1:13" ht="11.25" customHeight="1" x14ac:dyDescent="0.2">
      <c r="A31" s="529"/>
      <c r="B31" s="529"/>
      <c r="C31" s="529"/>
      <c r="D31" s="529"/>
      <c r="E31" s="521"/>
      <c r="F31" s="521"/>
      <c r="G31" s="521"/>
      <c r="H31" s="521"/>
      <c r="I31" s="521"/>
      <c r="J31" s="521"/>
      <c r="K31" s="530"/>
      <c r="L31" s="530"/>
      <c r="M31" s="522"/>
    </row>
    <row r="32" spans="1:13" ht="15" customHeight="1" x14ac:dyDescent="0.2">
      <c r="A32" s="516"/>
      <c r="B32" s="518" t="s">
        <v>844</v>
      </c>
      <c r="C32" s="518" t="s">
        <v>845</v>
      </c>
      <c r="D32" s="878">
        <v>2016</v>
      </c>
      <c r="E32" s="878">
        <v>2017</v>
      </c>
      <c r="F32" s="878">
        <v>2018</v>
      </c>
      <c r="G32" s="878">
        <v>2019</v>
      </c>
      <c r="H32" s="878">
        <v>2020</v>
      </c>
      <c r="I32" s="878">
        <v>2021</v>
      </c>
      <c r="J32" s="878">
        <v>2022</v>
      </c>
      <c r="K32" s="878">
        <v>2023</v>
      </c>
      <c r="L32" s="872">
        <v>2024</v>
      </c>
      <c r="M32" s="531"/>
    </row>
    <row r="33" spans="1:13" ht="11.25" customHeight="1" x14ac:dyDescent="0.2">
      <c r="A33" s="519" t="s">
        <v>846</v>
      </c>
      <c r="B33" s="514" t="s">
        <v>847</v>
      </c>
      <c r="C33" s="514" t="s">
        <v>848</v>
      </c>
      <c r="D33" s="1098"/>
      <c r="E33" s="1098"/>
      <c r="F33" s="1093"/>
      <c r="G33" s="1093"/>
      <c r="H33" s="1093"/>
      <c r="I33" s="1093"/>
      <c r="J33" s="1093"/>
      <c r="K33" s="1093"/>
      <c r="L33" s="1095"/>
      <c r="M33" s="531"/>
    </row>
    <row r="34" spans="1:13" ht="15" customHeight="1" x14ac:dyDescent="0.2">
      <c r="A34" s="517"/>
      <c r="B34" s="515"/>
      <c r="C34" s="515">
        <v>2015</v>
      </c>
      <c r="D34" s="879"/>
      <c r="E34" s="879"/>
      <c r="F34" s="1094"/>
      <c r="G34" s="1094"/>
      <c r="H34" s="1094"/>
      <c r="I34" s="1094"/>
      <c r="J34" s="1094"/>
      <c r="K34" s="1094"/>
      <c r="L34" s="1096"/>
      <c r="M34" s="531"/>
    </row>
    <row r="35" spans="1:13" ht="11.25" customHeight="1" x14ac:dyDescent="0.2">
      <c r="A35" s="301" t="s">
        <v>849</v>
      </c>
      <c r="B35" s="532"/>
      <c r="C35" s="532"/>
      <c r="D35" s="532"/>
      <c r="E35" s="532"/>
      <c r="F35" s="532"/>
      <c r="G35" s="532"/>
      <c r="H35" s="532"/>
      <c r="I35" s="532"/>
      <c r="J35" s="532"/>
      <c r="K35" s="533"/>
      <c r="L35" s="541"/>
      <c r="M35" s="534"/>
    </row>
    <row r="36" spans="1:13" ht="11.25" customHeight="1" x14ac:dyDescent="0.2">
      <c r="A36" s="63"/>
      <c r="B36" s="532"/>
      <c r="C36" s="532"/>
      <c r="D36" s="532"/>
      <c r="E36" s="532"/>
      <c r="F36" s="532"/>
      <c r="G36" s="532"/>
      <c r="H36" s="532"/>
      <c r="I36" s="532"/>
      <c r="J36" s="532"/>
      <c r="K36" s="533"/>
      <c r="L36" s="541"/>
      <c r="M36" s="534"/>
    </row>
    <row r="37" spans="1:13" ht="11.25" customHeight="1" x14ac:dyDescent="0.2">
      <c r="A37" s="301" t="s">
        <v>850</v>
      </c>
      <c r="B37" s="532"/>
      <c r="C37" s="532"/>
      <c r="D37" s="532"/>
      <c r="E37" s="532"/>
      <c r="F37" s="532"/>
      <c r="G37" s="532"/>
      <c r="H37" s="532"/>
      <c r="I37" s="532"/>
      <c r="J37" s="532"/>
      <c r="K37" s="533"/>
      <c r="L37" s="541"/>
      <c r="M37" s="534"/>
    </row>
    <row r="38" spans="1:13" ht="11.25" customHeight="1" x14ac:dyDescent="0.2">
      <c r="A38" s="63"/>
      <c r="B38" s="532"/>
      <c r="C38" s="532"/>
      <c r="D38" s="532"/>
      <c r="E38" s="532"/>
      <c r="F38" s="532"/>
      <c r="G38" s="532"/>
      <c r="H38" s="532"/>
      <c r="I38" s="532"/>
      <c r="J38" s="532"/>
      <c r="K38" s="533"/>
      <c r="L38" s="541"/>
      <c r="M38" s="534"/>
    </row>
    <row r="39" spans="1:13" ht="11.25" customHeight="1" x14ac:dyDescent="0.2">
      <c r="A39" s="525" t="s">
        <v>851</v>
      </c>
      <c r="B39" s="535"/>
      <c r="C39" s="535"/>
      <c r="D39" s="535"/>
      <c r="E39" s="535"/>
      <c r="F39" s="535"/>
      <c r="G39" s="535"/>
      <c r="H39" s="535"/>
      <c r="I39" s="535"/>
      <c r="J39" s="535"/>
      <c r="K39" s="540"/>
      <c r="L39" s="542"/>
      <c r="M39" s="534"/>
    </row>
    <row r="40" spans="1:13" ht="15.75" customHeight="1" x14ac:dyDescent="0.2">
      <c r="A40" s="526" t="s">
        <v>852</v>
      </c>
      <c r="B40" s="535"/>
      <c r="C40" s="543">
        <v>8187385311.3399982</v>
      </c>
      <c r="D40" s="535"/>
      <c r="E40" s="535"/>
      <c r="F40" s="535"/>
      <c r="G40" s="535"/>
      <c r="H40" s="535"/>
      <c r="I40" s="535"/>
      <c r="J40" s="535"/>
      <c r="K40" s="536"/>
      <c r="L40" s="542"/>
      <c r="M40" s="534"/>
    </row>
    <row r="41" spans="1:13" ht="11.25" customHeight="1" x14ac:dyDescent="0.2">
      <c r="A41" s="526" t="s">
        <v>853</v>
      </c>
      <c r="B41" s="535"/>
      <c r="C41" s="535"/>
      <c r="D41" s="535"/>
      <c r="E41" s="535"/>
      <c r="F41" s="535"/>
      <c r="G41" s="535"/>
      <c r="H41" s="535"/>
      <c r="I41" s="535"/>
      <c r="J41" s="535"/>
      <c r="K41" s="536"/>
      <c r="L41" s="542"/>
      <c r="M41" s="534"/>
    </row>
    <row r="42" spans="1:13" ht="11.25" customHeight="1" x14ac:dyDescent="0.2">
      <c r="A42" s="537" t="s">
        <v>854</v>
      </c>
      <c r="B42" s="538"/>
      <c r="C42" s="538"/>
      <c r="D42" s="538"/>
      <c r="E42" s="538"/>
      <c r="F42" s="538"/>
      <c r="G42" s="538"/>
      <c r="H42" s="538"/>
      <c r="I42" s="538"/>
      <c r="J42" s="538"/>
      <c r="K42" s="538"/>
      <c r="L42" s="538"/>
      <c r="M42" s="539"/>
    </row>
    <row r="43" spans="1:13" ht="10.5" x14ac:dyDescent="0.2">
      <c r="A43" s="115" t="s">
        <v>863</v>
      </c>
      <c r="B43" s="18"/>
      <c r="C43" s="18"/>
      <c r="D43" s="18"/>
      <c r="E43" s="18"/>
      <c r="F43" s="18"/>
      <c r="G43" s="18"/>
      <c r="H43" s="18"/>
      <c r="I43" s="18"/>
      <c r="J43" s="1092"/>
      <c r="K43" s="1092"/>
      <c r="L43" s="1092"/>
      <c r="M43" s="65"/>
    </row>
    <row r="44" spans="1:13" ht="11.25" customHeight="1" x14ac:dyDescent="0.2">
      <c r="A44" s="240"/>
    </row>
    <row r="52" s="52" customFormat="1" ht="11.25" customHeight="1" x14ac:dyDescent="0.2"/>
    <row r="53" s="52" customFormat="1" ht="11.25" customHeight="1" x14ac:dyDescent="0.2"/>
    <row r="54" s="52" customFormat="1" ht="11.25" customHeight="1" x14ac:dyDescent="0.2"/>
    <row r="55" s="52" customFormat="1" ht="11.25" customHeight="1" x14ac:dyDescent="0.2"/>
    <row r="56" s="52" customFormat="1" ht="11.25" customHeight="1" x14ac:dyDescent="0.2"/>
    <row r="57" s="52" customFormat="1" ht="11.25" customHeight="1" x14ac:dyDescent="0.2"/>
    <row r="58" s="52" customFormat="1" ht="11.25" customHeight="1" x14ac:dyDescent="0.2"/>
  </sheetData>
  <customSheetViews>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1"/>
    </customSheetView>
    <customSheetView guid="{3AAF6A5F-F9AA-430B-9AD9-1261ECDF41B5}" showPageBreaks="1" showGridLines="0" fitToPage="1" printArea="1">
      <selection activeCell="M83" sqref="M83"/>
      <pageMargins left="0.19685039370078741" right="0.19685039370078741" top="0.59055118110236227" bottom="0.19685039370078741" header="0" footer="0"/>
      <printOptions horizontalCentered="1"/>
      <pageSetup paperSize="9" scale="70" orientation="portrait" r:id="rId2"/>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3"/>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71" orientation="portrait" r:id="rId4"/>
    </customSheetView>
    <customSheetView guid="{25EF1E0D-169B-4051-B414-7E1196FC05E4}" showPageBreaks="1" showGridLines="0" fitToPage="1" printArea="1">
      <selection activeCell="A3" sqref="A3:L3"/>
      <pageMargins left="0.19685039370078741" right="0.19685039370078741" top="0.59055118110236227" bottom="0.19685039370078741" header="0" footer="0"/>
      <printOptions horizontalCentered="1"/>
      <pageSetup paperSize="9" scale="70" orientation="portrait" r:id="rId5"/>
    </customSheetView>
    <customSheetView guid="{C779D862-DE28-46CD-A428-4AAA1056D1E1}" showPageBreaks="1" showGridLines="0" fitToPage="1" printArea="1" topLeftCell="A16">
      <selection activeCell="M83" sqref="M83"/>
      <pageMargins left="0.19685039370078741" right="0.19685039370078741" top="0.59055118110236227" bottom="0.19685039370078741" header="0" footer="0"/>
      <printOptions horizontalCentered="1"/>
      <pageSetup paperSize="9" scale="70" orientation="portrait" r:id="rId6"/>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1"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pageSetUpPr fitToPage="1"/>
  </sheetPr>
  <dimension ref="A1:U107"/>
  <sheetViews>
    <sheetView showGridLines="0" zoomScaleNormal="100" workbookViewId="0"/>
  </sheetViews>
  <sheetFormatPr defaultColWidth="1" defaultRowHeight="11.25" customHeight="1" x14ac:dyDescent="0.2"/>
  <cols>
    <col min="1" max="1" width="92.5703125" style="1" customWidth="1"/>
    <col min="2" max="2" width="29" style="1" bestFit="1" customWidth="1"/>
    <col min="3" max="3" width="19.140625" style="76" customWidth="1"/>
    <col min="4" max="6" width="17.28515625" style="1" bestFit="1" customWidth="1"/>
    <col min="7" max="59" width="15.7109375" style="1" customWidth="1"/>
    <col min="60" max="16384" width="1" style="1"/>
  </cols>
  <sheetData>
    <row r="1" spans="1:13" s="29" customFormat="1" ht="10.5" x14ac:dyDescent="0.2">
      <c r="A1" s="328"/>
      <c r="B1" s="328"/>
      <c r="C1" s="328"/>
      <c r="D1" s="328"/>
      <c r="E1" s="328"/>
    </row>
    <row r="2" spans="1:13" s="29" customFormat="1" ht="11.25" customHeight="1" x14ac:dyDescent="0.2">
      <c r="A2" s="147"/>
    </row>
    <row r="3" spans="1:13" s="52" customFormat="1" ht="11.25" customHeight="1" x14ac:dyDescent="0.2">
      <c r="A3" s="1055" t="s">
        <v>641</v>
      </c>
      <c r="B3" s="1055"/>
      <c r="C3" s="1055"/>
      <c r="D3" s="1055"/>
      <c r="E3" s="1055"/>
      <c r="F3" s="314"/>
      <c r="G3" s="314"/>
      <c r="H3" s="314"/>
      <c r="I3" s="314"/>
      <c r="J3" s="314"/>
      <c r="K3" s="314"/>
      <c r="L3" s="314"/>
      <c r="M3" s="314"/>
    </row>
    <row r="4" spans="1:13" s="52" customFormat="1" ht="11.25" customHeight="1" x14ac:dyDescent="0.2">
      <c r="A4" s="762" t="s">
        <v>251</v>
      </c>
      <c r="B4" s="762"/>
      <c r="C4" s="762"/>
      <c r="D4" s="762"/>
      <c r="E4" s="762"/>
    </row>
    <row r="5" spans="1:13" s="52" customFormat="1" ht="11.25" customHeight="1" x14ac:dyDescent="0.2">
      <c r="A5" s="1055" t="s">
        <v>106</v>
      </c>
      <c r="B5" s="1055"/>
      <c r="C5" s="1055"/>
      <c r="D5" s="1055"/>
      <c r="E5" s="1055"/>
    </row>
    <row r="6" spans="1:13" s="52" customFormat="1" ht="11.25" customHeight="1" x14ac:dyDescent="0.2">
      <c r="A6" s="1055" t="s">
        <v>107</v>
      </c>
      <c r="B6" s="1055"/>
      <c r="C6" s="1055"/>
      <c r="D6" s="1055"/>
      <c r="E6" s="1055"/>
    </row>
    <row r="7" spans="1:13" s="52" customFormat="1" ht="11.25" customHeight="1" x14ac:dyDescent="0.2">
      <c r="A7" s="1055" t="s">
        <v>874</v>
      </c>
      <c r="B7" s="1055"/>
      <c r="C7" s="1055"/>
      <c r="D7" s="1055"/>
      <c r="E7" s="1055"/>
    </row>
    <row r="8" spans="1:13" s="52" customFormat="1" ht="11.25" customHeight="1" x14ac:dyDescent="0.2">
      <c r="A8" s="282"/>
      <c r="B8" s="282"/>
      <c r="C8" s="282"/>
      <c r="D8" s="282"/>
      <c r="E8" s="282"/>
    </row>
    <row r="9" spans="1:13" s="29" customFormat="1" ht="11.25" customHeight="1" x14ac:dyDescent="0.2">
      <c r="A9" s="29" t="s">
        <v>817</v>
      </c>
      <c r="B9" s="149"/>
      <c r="E9" s="253">
        <v>1</v>
      </c>
    </row>
    <row r="10" spans="1:13" s="29" customFormat="1" ht="21" customHeight="1" x14ac:dyDescent="0.2">
      <c r="A10" s="150" t="s">
        <v>106</v>
      </c>
      <c r="B10" s="1148" t="s">
        <v>115</v>
      </c>
      <c r="C10" s="1149"/>
      <c r="D10" s="1149"/>
      <c r="E10" s="1149"/>
    </row>
    <row r="11" spans="1:13" s="75" customFormat="1" ht="11.25" customHeight="1" x14ac:dyDescent="0.2">
      <c r="A11" s="180" t="s">
        <v>110</v>
      </c>
      <c r="B11" s="741"/>
      <c r="C11" s="742"/>
      <c r="D11" s="742"/>
      <c r="E11" s="742"/>
    </row>
    <row r="12" spans="1:13" ht="11.25" customHeight="1" x14ac:dyDescent="0.2">
      <c r="A12" s="24" t="s">
        <v>315</v>
      </c>
      <c r="B12" s="731">
        <v>13057110000</v>
      </c>
      <c r="C12" s="732"/>
      <c r="D12" s="732"/>
      <c r="E12" s="732"/>
    </row>
    <row r="13" spans="1:13" ht="11.25" customHeight="1" x14ac:dyDescent="0.2">
      <c r="A13" s="24" t="s">
        <v>316</v>
      </c>
      <c r="B13" s="731">
        <v>13187889723.980001</v>
      </c>
      <c r="C13" s="732"/>
      <c r="D13" s="732"/>
      <c r="E13" s="732"/>
    </row>
    <row r="14" spans="1:13" ht="11.25" customHeight="1" x14ac:dyDescent="0.2">
      <c r="A14" s="24" t="s">
        <v>61</v>
      </c>
      <c r="B14" s="731">
        <v>5992145803.1499996</v>
      </c>
      <c r="C14" s="732"/>
      <c r="D14" s="732"/>
      <c r="E14" s="732"/>
    </row>
    <row r="15" spans="1:13" ht="11.25" customHeight="1" x14ac:dyDescent="0.2">
      <c r="A15" s="24" t="s">
        <v>62</v>
      </c>
      <c r="B15" s="731">
        <v>334255047.90000057</v>
      </c>
      <c r="C15" s="732"/>
      <c r="D15" s="732"/>
      <c r="E15" s="732"/>
    </row>
    <row r="16" spans="1:13" ht="11.25" customHeight="1" x14ac:dyDescent="0.2">
      <c r="A16" s="24" t="s">
        <v>63</v>
      </c>
      <c r="B16" s="731">
        <v>0</v>
      </c>
      <c r="C16" s="732"/>
      <c r="D16" s="732"/>
      <c r="E16" s="732"/>
    </row>
    <row r="17" spans="1:5" s="75" customFormat="1" ht="11.25" customHeight="1" x14ac:dyDescent="0.2">
      <c r="A17" s="180" t="s">
        <v>160</v>
      </c>
      <c r="B17" s="731"/>
      <c r="C17" s="732"/>
      <c r="D17" s="732"/>
      <c r="E17" s="732"/>
    </row>
    <row r="18" spans="1:5" ht="11.25" customHeight="1" x14ac:dyDescent="0.2">
      <c r="A18" s="21" t="s">
        <v>64</v>
      </c>
      <c r="B18" s="731">
        <v>13057110000</v>
      </c>
      <c r="C18" s="732"/>
      <c r="D18" s="732"/>
      <c r="E18" s="732"/>
    </row>
    <row r="19" spans="1:5" ht="11.25" customHeight="1" x14ac:dyDescent="0.2">
      <c r="A19" s="21" t="s">
        <v>69</v>
      </c>
      <c r="B19" s="805">
        <v>594048439.00000191</v>
      </c>
      <c r="C19" s="1147"/>
      <c r="D19" s="1147"/>
      <c r="E19" s="1147"/>
    </row>
    <row r="20" spans="1:5" ht="11.25" customHeight="1" x14ac:dyDescent="0.2">
      <c r="A20" s="21" t="s">
        <v>65</v>
      </c>
      <c r="B20" s="731">
        <v>13651158439.000002</v>
      </c>
      <c r="C20" s="732"/>
      <c r="D20" s="732"/>
      <c r="E20" s="732"/>
    </row>
    <row r="21" spans="1:5" ht="11.25" customHeight="1" x14ac:dyDescent="0.2">
      <c r="A21" s="21" t="s">
        <v>66</v>
      </c>
      <c r="B21" s="731">
        <v>9501164770.5300026</v>
      </c>
      <c r="C21" s="732"/>
      <c r="D21" s="732"/>
      <c r="E21" s="732"/>
    </row>
    <row r="22" spans="1:5" ht="11.25" customHeight="1" x14ac:dyDescent="0.2">
      <c r="A22" s="24" t="s">
        <v>67</v>
      </c>
      <c r="B22" s="731">
        <v>6326400851.0500002</v>
      </c>
      <c r="C22" s="732"/>
      <c r="D22" s="732"/>
      <c r="E22" s="732"/>
    </row>
    <row r="23" spans="1:5" ht="11.25" customHeight="1" x14ac:dyDescent="0.2">
      <c r="A23" s="21" t="s">
        <v>553</v>
      </c>
      <c r="B23" s="731">
        <v>5743718953.2200003</v>
      </c>
      <c r="C23" s="732"/>
      <c r="D23" s="732"/>
      <c r="E23" s="732"/>
    </row>
    <row r="24" spans="1:5" ht="11.25" customHeight="1" x14ac:dyDescent="0.2">
      <c r="A24" s="77" t="s">
        <v>68</v>
      </c>
      <c r="B24" s="731">
        <v>0</v>
      </c>
      <c r="C24" s="732"/>
      <c r="D24" s="732"/>
      <c r="E24" s="732"/>
    </row>
    <row r="25" spans="1:5" ht="21" customHeight="1" x14ac:dyDescent="0.2">
      <c r="A25" s="42" t="s">
        <v>254</v>
      </c>
      <c r="B25" s="771" t="s">
        <v>115</v>
      </c>
      <c r="C25" s="772"/>
      <c r="D25" s="772"/>
      <c r="E25" s="772"/>
    </row>
    <row r="26" spans="1:5" ht="11.25" customHeight="1" x14ac:dyDescent="0.2">
      <c r="A26" s="21" t="s">
        <v>252</v>
      </c>
      <c r="B26" s="731">
        <v>9501164770.5300026</v>
      </c>
      <c r="C26" s="732"/>
      <c r="D26" s="732"/>
      <c r="E26" s="732"/>
    </row>
    <row r="27" spans="1:5" ht="11.25" customHeight="1" x14ac:dyDescent="0.2">
      <c r="A27" s="78" t="s">
        <v>253</v>
      </c>
      <c r="B27" s="731">
        <v>6326400851.0500011</v>
      </c>
      <c r="C27" s="732"/>
      <c r="D27" s="732"/>
      <c r="E27" s="732"/>
    </row>
    <row r="28" spans="1:5" ht="23.25" customHeight="1" x14ac:dyDescent="0.2">
      <c r="A28" s="41" t="s">
        <v>255</v>
      </c>
      <c r="B28" s="772" t="s">
        <v>115</v>
      </c>
      <c r="C28" s="772"/>
      <c r="D28" s="772"/>
      <c r="E28" s="772"/>
    </row>
    <row r="29" spans="1:5" ht="11.25" customHeight="1" x14ac:dyDescent="0.2">
      <c r="A29" s="325" t="s">
        <v>256</v>
      </c>
      <c r="B29" s="754">
        <v>8187385311.3399982</v>
      </c>
      <c r="C29" s="755"/>
      <c r="D29" s="755"/>
      <c r="E29" s="755"/>
    </row>
    <row r="30" spans="1:5" ht="11.25" customHeight="1" x14ac:dyDescent="0.2">
      <c r="A30" s="21"/>
      <c r="B30" s="79"/>
      <c r="C30" s="80"/>
      <c r="D30" s="31"/>
    </row>
    <row r="31" spans="1:5" ht="21.75" customHeight="1" x14ac:dyDescent="0.2">
      <c r="A31" s="42" t="s">
        <v>70</v>
      </c>
      <c r="B31" s="771" t="s">
        <v>115</v>
      </c>
      <c r="C31" s="772"/>
      <c r="D31" s="772"/>
      <c r="E31" s="772"/>
    </row>
    <row r="32" spans="1:5" s="254" customFormat="1" ht="11.25" customHeight="1" x14ac:dyDescent="0.2">
      <c r="A32" s="174" t="s">
        <v>257</v>
      </c>
      <c r="B32" s="1150"/>
      <c r="C32" s="1137"/>
      <c r="D32" s="1137"/>
      <c r="E32" s="1137"/>
    </row>
    <row r="33" spans="1:5" ht="11.25" customHeight="1" x14ac:dyDescent="0.2">
      <c r="A33" s="21" t="s">
        <v>71</v>
      </c>
      <c r="B33" s="1132"/>
      <c r="C33" s="1133"/>
      <c r="D33" s="1133"/>
      <c r="E33" s="1133"/>
    </row>
    <row r="34" spans="1:5" ht="11.25" customHeight="1" x14ac:dyDescent="0.2">
      <c r="A34" s="21" t="s">
        <v>72</v>
      </c>
      <c r="B34" s="1132"/>
      <c r="C34" s="1133"/>
      <c r="D34" s="1133"/>
      <c r="E34" s="1133"/>
    </row>
    <row r="35" spans="1:5" ht="11.25" customHeight="1" x14ac:dyDescent="0.2">
      <c r="A35" s="21" t="s">
        <v>103</v>
      </c>
      <c r="B35" s="1132"/>
      <c r="C35" s="1133"/>
      <c r="D35" s="1133"/>
      <c r="E35" s="1133"/>
    </row>
    <row r="36" spans="1:5" ht="11.25" customHeight="1" x14ac:dyDescent="0.2">
      <c r="A36" s="174" t="s">
        <v>317</v>
      </c>
      <c r="B36" s="1132"/>
      <c r="C36" s="1133"/>
      <c r="D36" s="1133"/>
      <c r="E36" s="1133"/>
    </row>
    <row r="37" spans="1:5" s="75" customFormat="1" ht="11.25" customHeight="1" x14ac:dyDescent="0.2">
      <c r="A37" s="240" t="s">
        <v>73</v>
      </c>
      <c r="B37" s="1140">
        <v>355354605.81</v>
      </c>
      <c r="C37" s="1133"/>
      <c r="D37" s="1133"/>
      <c r="E37" s="1133"/>
    </row>
    <row r="38" spans="1:5" ht="11.25" customHeight="1" x14ac:dyDescent="0.2">
      <c r="A38" s="21" t="s">
        <v>74</v>
      </c>
      <c r="B38" s="1140">
        <v>1032563010.58</v>
      </c>
      <c r="C38" s="1133"/>
      <c r="D38" s="1133"/>
      <c r="E38" s="1133"/>
    </row>
    <row r="39" spans="1:5" ht="11.25" customHeight="1" x14ac:dyDescent="0.2">
      <c r="A39" s="77" t="s">
        <v>104</v>
      </c>
      <c r="B39" s="1145">
        <v>-677208404.76999998</v>
      </c>
      <c r="C39" s="1146"/>
      <c r="D39" s="1146"/>
      <c r="E39" s="1146"/>
    </row>
    <row r="40" spans="1:5" ht="11.25" customHeight="1" x14ac:dyDescent="0.2">
      <c r="E40" s="21"/>
    </row>
    <row r="41" spans="1:5" ht="11.25" customHeight="1" x14ac:dyDescent="0.2">
      <c r="A41" s="39"/>
      <c r="B41" s="35" t="s">
        <v>260</v>
      </c>
      <c r="C41" s="35" t="s">
        <v>261</v>
      </c>
      <c r="D41" s="820" t="s">
        <v>262</v>
      </c>
      <c r="E41" s="821"/>
    </row>
    <row r="42" spans="1:5" ht="11.25" customHeight="1" x14ac:dyDescent="0.2">
      <c r="A42" s="47" t="s">
        <v>263</v>
      </c>
      <c r="B42" s="36" t="s">
        <v>264</v>
      </c>
      <c r="C42" s="36" t="s">
        <v>115</v>
      </c>
      <c r="D42" s="850"/>
      <c r="E42" s="852"/>
    </row>
    <row r="43" spans="1:5" ht="11.25" customHeight="1" x14ac:dyDescent="0.2">
      <c r="A43" s="81"/>
      <c r="B43" s="36" t="s">
        <v>265</v>
      </c>
      <c r="C43" s="843" t="s">
        <v>117</v>
      </c>
      <c r="D43" s="850" t="s">
        <v>118</v>
      </c>
      <c r="E43" s="852"/>
    </row>
    <row r="44" spans="1:5" ht="11.25" customHeight="1" x14ac:dyDescent="0.2">
      <c r="A44" s="57"/>
      <c r="B44" s="82" t="s">
        <v>116</v>
      </c>
      <c r="C44" s="824"/>
      <c r="D44" s="851"/>
      <c r="E44" s="882"/>
    </row>
    <row r="45" spans="1:5" ht="11.25" customHeight="1" x14ac:dyDescent="0.2">
      <c r="A45" s="24" t="s">
        <v>266</v>
      </c>
      <c r="B45" s="508">
        <v>-279873000</v>
      </c>
      <c r="C45" s="508">
        <v>-179241529.35999966</v>
      </c>
      <c r="D45" s="1143">
        <v>64.04388038860472</v>
      </c>
      <c r="E45" s="1144"/>
    </row>
    <row r="46" spans="1:5" ht="11.25" customHeight="1" x14ac:dyDescent="0.2">
      <c r="A46" s="78" t="s">
        <v>267</v>
      </c>
      <c r="B46" s="507">
        <v>471749000</v>
      </c>
      <c r="C46" s="685">
        <v>96118387.609999657</v>
      </c>
      <c r="D46" s="1145">
        <v>20.374900129094001</v>
      </c>
      <c r="E46" s="1146"/>
    </row>
    <row r="48" spans="1:5" ht="11.25" customHeight="1" x14ac:dyDescent="0.2">
      <c r="A48" s="822" t="s">
        <v>75</v>
      </c>
      <c r="B48" s="823" t="s">
        <v>268</v>
      </c>
      <c r="C48" s="35" t="s">
        <v>269</v>
      </c>
      <c r="D48" s="37" t="s">
        <v>554</v>
      </c>
      <c r="E48" s="37" t="s">
        <v>270</v>
      </c>
    </row>
    <row r="49" spans="1:6" ht="11.25" customHeight="1" x14ac:dyDescent="0.2">
      <c r="A49" s="826"/>
      <c r="B49" s="824"/>
      <c r="C49" s="82" t="s">
        <v>115</v>
      </c>
      <c r="D49" s="43" t="s">
        <v>115</v>
      </c>
      <c r="E49" s="43" t="s">
        <v>5</v>
      </c>
    </row>
    <row r="50" spans="1:6" s="75" customFormat="1" ht="11.25" customHeight="1" x14ac:dyDescent="0.2">
      <c r="A50" s="159" t="s">
        <v>271</v>
      </c>
      <c r="B50" s="675">
        <v>145403813.37</v>
      </c>
      <c r="C50" s="372">
        <v>0</v>
      </c>
      <c r="D50" s="676">
        <v>89732397.61999999</v>
      </c>
      <c r="E50" s="676">
        <v>55671415.750000022</v>
      </c>
      <c r="F50" s="226"/>
    </row>
    <row r="51" spans="1:6" ht="11.25" customHeight="1" x14ac:dyDescent="0.2">
      <c r="A51" s="24" t="s">
        <v>272</v>
      </c>
      <c r="B51" s="256">
        <v>115280339.71000001</v>
      </c>
      <c r="C51" s="677">
        <v>0</v>
      </c>
      <c r="D51" s="677">
        <v>59619617.789999992</v>
      </c>
      <c r="E51" s="677">
        <v>55660721.920000017</v>
      </c>
    </row>
    <row r="52" spans="1:6" ht="11.25" customHeight="1" x14ac:dyDescent="0.2">
      <c r="A52" s="24" t="s">
        <v>273</v>
      </c>
      <c r="B52" s="256">
        <v>5807246.6800000006</v>
      </c>
      <c r="C52" s="677">
        <v>0</v>
      </c>
      <c r="D52" s="677">
        <v>5807246.6800000006</v>
      </c>
      <c r="E52" s="677">
        <v>0</v>
      </c>
    </row>
    <row r="53" spans="1:6" ht="11.25" customHeight="1" x14ac:dyDescent="0.2">
      <c r="A53" s="24" t="s">
        <v>274</v>
      </c>
      <c r="B53" s="256">
        <v>24195296.159999996</v>
      </c>
      <c r="C53" s="677">
        <v>0</v>
      </c>
      <c r="D53" s="677">
        <v>24190740.459999997</v>
      </c>
      <c r="E53" s="677">
        <v>4555.6999999992549</v>
      </c>
    </row>
    <row r="54" spans="1:6" ht="11.25" customHeight="1" x14ac:dyDescent="0.2">
      <c r="A54" s="24" t="s">
        <v>275</v>
      </c>
      <c r="B54" s="256">
        <v>120930.82</v>
      </c>
      <c r="C54" s="677">
        <v>0</v>
      </c>
      <c r="D54" s="677">
        <v>114792.69</v>
      </c>
      <c r="E54" s="677">
        <v>6138.1300000000047</v>
      </c>
    </row>
    <row r="55" spans="1:6" s="75" customFormat="1" ht="11.25" customHeight="1" x14ac:dyDescent="0.2">
      <c r="A55" s="159" t="s">
        <v>276</v>
      </c>
      <c r="B55" s="675">
        <v>113506559.31999999</v>
      </c>
      <c r="C55" s="675">
        <v>37357889.220000006</v>
      </c>
      <c r="D55" s="675">
        <v>43123217.199999996</v>
      </c>
      <c r="E55" s="372">
        <v>33025452.899999991</v>
      </c>
    </row>
    <row r="56" spans="1:6" ht="11.25" customHeight="1" x14ac:dyDescent="0.2">
      <c r="A56" s="24" t="s">
        <v>272</v>
      </c>
      <c r="B56" s="256">
        <v>99243844.459999993</v>
      </c>
      <c r="C56" s="677">
        <v>36179879.480000004</v>
      </c>
      <c r="D56" s="677">
        <v>33162647.189999998</v>
      </c>
      <c r="E56" s="677">
        <v>29901317.789999992</v>
      </c>
    </row>
    <row r="57" spans="1:6" ht="11.25" customHeight="1" x14ac:dyDescent="0.2">
      <c r="A57" s="24" t="s">
        <v>273</v>
      </c>
      <c r="B57" s="256">
        <v>0</v>
      </c>
      <c r="C57" s="677">
        <v>0</v>
      </c>
      <c r="D57" s="677">
        <v>0</v>
      </c>
      <c r="E57" s="677">
        <v>0</v>
      </c>
    </row>
    <row r="58" spans="1:6" ht="11.25" customHeight="1" x14ac:dyDescent="0.2">
      <c r="A58" s="24" t="s">
        <v>274</v>
      </c>
      <c r="B58" s="256">
        <v>8303103.4199999999</v>
      </c>
      <c r="C58" s="677">
        <v>803238.68</v>
      </c>
      <c r="D58" s="677">
        <v>6605163.5300000003</v>
      </c>
      <c r="E58" s="677">
        <v>894701.21</v>
      </c>
    </row>
    <row r="59" spans="1:6" ht="11.25" customHeight="1" x14ac:dyDescent="0.2">
      <c r="A59" s="24" t="s">
        <v>275</v>
      </c>
      <c r="B59" s="256">
        <v>5959611.4399999995</v>
      </c>
      <c r="C59" s="677">
        <v>374771.06</v>
      </c>
      <c r="D59" s="678">
        <v>3355406.48</v>
      </c>
      <c r="E59" s="678">
        <v>2229433.9</v>
      </c>
    </row>
    <row r="60" spans="1:6" ht="11.25" customHeight="1" x14ac:dyDescent="0.2">
      <c r="A60" s="283" t="s">
        <v>170</v>
      </c>
      <c r="B60" s="679">
        <v>258910372.69</v>
      </c>
      <c r="C60" s="679">
        <v>37357889.220000006</v>
      </c>
      <c r="D60" s="679">
        <v>132855614.81999999</v>
      </c>
      <c r="E60" s="257">
        <v>88696868.650000006</v>
      </c>
    </row>
    <row r="61" spans="1:6" ht="11.25" customHeight="1" x14ac:dyDescent="0.2">
      <c r="A61" s="39"/>
      <c r="B61" s="38" t="s">
        <v>277</v>
      </c>
      <c r="C61" s="771" t="s">
        <v>278</v>
      </c>
      <c r="D61" s="772"/>
      <c r="E61" s="772"/>
    </row>
    <row r="62" spans="1:6" ht="11.25" customHeight="1" x14ac:dyDescent="0.2">
      <c r="A62" s="47" t="s">
        <v>76</v>
      </c>
      <c r="B62" s="46" t="s">
        <v>115</v>
      </c>
      <c r="C62" s="37" t="s">
        <v>279</v>
      </c>
      <c r="D62" s="820" t="s">
        <v>294</v>
      </c>
      <c r="E62" s="821"/>
    </row>
    <row r="63" spans="1:6" ht="11.25" customHeight="1" x14ac:dyDescent="0.2">
      <c r="A63" s="45"/>
      <c r="B63" s="45"/>
      <c r="C63" s="82" t="s">
        <v>295</v>
      </c>
      <c r="D63" s="43"/>
      <c r="E63" s="44"/>
    </row>
    <row r="64" spans="1:6" ht="10.5" x14ac:dyDescent="0.2">
      <c r="A64" s="323" t="s">
        <v>804</v>
      </c>
      <c r="B64" s="509">
        <v>1445008731.484</v>
      </c>
      <c r="C64" s="84">
        <v>0.25</v>
      </c>
      <c r="D64" s="1138">
        <v>39.687274757454503</v>
      </c>
      <c r="E64" s="1139"/>
    </row>
    <row r="65" spans="1:5" ht="10.5" x14ac:dyDescent="0.2">
      <c r="A65" s="323" t="s">
        <v>77</v>
      </c>
      <c r="B65" s="509">
        <v>486975405.26999998</v>
      </c>
      <c r="C65" s="84">
        <v>0.6</v>
      </c>
      <c r="D65" s="1140">
        <v>110.73728159567879</v>
      </c>
      <c r="E65" s="1133"/>
    </row>
    <row r="66" spans="1:5" ht="15" customHeight="1" x14ac:dyDescent="0.2">
      <c r="A66" s="323" t="s">
        <v>78</v>
      </c>
      <c r="B66" s="256">
        <v>0</v>
      </c>
      <c r="C66" s="84">
        <v>0.6</v>
      </c>
      <c r="D66" s="1141">
        <v>0</v>
      </c>
      <c r="E66" s="1142"/>
    </row>
    <row r="67" spans="1:5" ht="10.5" x14ac:dyDescent="0.2">
      <c r="A67" s="324" t="s">
        <v>79</v>
      </c>
      <c r="B67" s="511">
        <v>0</v>
      </c>
      <c r="C67" s="85">
        <v>0</v>
      </c>
      <c r="D67" s="1141">
        <v>0</v>
      </c>
      <c r="E67" s="1142"/>
    </row>
    <row r="68" spans="1:5" ht="21.75" customHeight="1" x14ac:dyDescent="0.2">
      <c r="A68" s="39" t="s">
        <v>296</v>
      </c>
      <c r="B68" s="771" t="s">
        <v>297</v>
      </c>
      <c r="C68" s="773"/>
      <c r="D68" s="771" t="s">
        <v>349</v>
      </c>
      <c r="E68" s="772"/>
    </row>
    <row r="69" spans="1:5" ht="11.25" customHeight="1" x14ac:dyDescent="0.2">
      <c r="A69" s="22" t="s">
        <v>299</v>
      </c>
      <c r="B69" s="1132"/>
      <c r="C69" s="1133"/>
      <c r="D69" s="1132"/>
      <c r="E69" s="1133"/>
    </row>
    <row r="70" spans="1:5" ht="11.25" customHeight="1" x14ac:dyDescent="0.2">
      <c r="A70" s="78" t="s">
        <v>300</v>
      </c>
      <c r="B70" s="1132"/>
      <c r="C70" s="1133"/>
      <c r="D70" s="1132"/>
      <c r="E70" s="1133"/>
    </row>
    <row r="71" spans="1:5" ht="21.75" customHeight="1" x14ac:dyDescent="0.2">
      <c r="A71" s="42" t="s">
        <v>301</v>
      </c>
      <c r="B71" s="2" t="s">
        <v>302</v>
      </c>
      <c r="C71" s="3" t="s">
        <v>303</v>
      </c>
      <c r="D71" s="2" t="s">
        <v>304</v>
      </c>
      <c r="E71" s="40" t="s">
        <v>305</v>
      </c>
    </row>
    <row r="72" spans="1:5" s="75" customFormat="1" ht="11.25" customHeight="1" x14ac:dyDescent="0.2">
      <c r="A72" s="159" t="s">
        <v>257</v>
      </c>
      <c r="B72" s="145"/>
      <c r="C72" s="181"/>
      <c r="D72" s="145"/>
      <c r="E72" s="86"/>
    </row>
    <row r="73" spans="1:5" ht="11.25" customHeight="1" x14ac:dyDescent="0.2">
      <c r="A73" s="24" t="s">
        <v>258</v>
      </c>
      <c r="B73" s="27"/>
      <c r="C73" s="58"/>
      <c r="D73" s="27"/>
      <c r="E73" s="23"/>
    </row>
    <row r="74" spans="1:5" ht="11.25" customHeight="1" x14ac:dyDescent="0.2">
      <c r="A74" s="24" t="s">
        <v>259</v>
      </c>
      <c r="B74" s="27"/>
      <c r="C74" s="58"/>
      <c r="D74" s="27"/>
      <c r="E74" s="23"/>
    </row>
    <row r="75" spans="1:5" ht="11.25" customHeight="1" x14ac:dyDescent="0.2">
      <c r="A75" s="24" t="s">
        <v>103</v>
      </c>
      <c r="B75" s="27"/>
      <c r="C75" s="58"/>
      <c r="D75" s="27"/>
      <c r="E75" s="23"/>
    </row>
    <row r="76" spans="1:5" s="75" customFormat="1" ht="11.25" customHeight="1" x14ac:dyDescent="0.2">
      <c r="A76" s="159" t="s">
        <v>317</v>
      </c>
      <c r="B76" s="162"/>
      <c r="C76" s="178"/>
      <c r="D76" s="162"/>
      <c r="E76" s="163"/>
    </row>
    <row r="77" spans="1:5" ht="11.25" customHeight="1" x14ac:dyDescent="0.2">
      <c r="A77" s="24" t="s">
        <v>6</v>
      </c>
      <c r="B77" s="27"/>
      <c r="C77" s="58"/>
      <c r="D77" s="27"/>
      <c r="E77" s="23"/>
    </row>
    <row r="78" spans="1:5" ht="11.25" customHeight="1" x14ac:dyDescent="0.2">
      <c r="A78" s="24" t="s">
        <v>7</v>
      </c>
      <c r="B78" s="27"/>
      <c r="C78" s="58"/>
      <c r="D78" s="27"/>
      <c r="E78" s="23"/>
    </row>
    <row r="79" spans="1:5" ht="11.25" customHeight="1" x14ac:dyDescent="0.2">
      <c r="A79" s="24" t="s">
        <v>104</v>
      </c>
      <c r="B79" s="27"/>
      <c r="C79" s="58"/>
      <c r="D79" s="27"/>
      <c r="E79" s="23"/>
    </row>
    <row r="80" spans="1:5" ht="21" customHeight="1" x14ac:dyDescent="0.2">
      <c r="A80" s="42" t="s">
        <v>306</v>
      </c>
      <c r="B80" s="771" t="s">
        <v>297</v>
      </c>
      <c r="C80" s="773"/>
      <c r="D80" s="771" t="s">
        <v>298</v>
      </c>
      <c r="E80" s="772"/>
    </row>
    <row r="81" spans="1:21" ht="11.25" customHeight="1" x14ac:dyDescent="0.2">
      <c r="A81" s="24" t="s">
        <v>307</v>
      </c>
      <c r="B81" s="1132"/>
      <c r="C81" s="1133"/>
      <c r="D81" s="1132"/>
      <c r="E81" s="1133"/>
    </row>
    <row r="82" spans="1:21" ht="11.25" customHeight="1" x14ac:dyDescent="0.2">
      <c r="A82" s="78" t="s">
        <v>308</v>
      </c>
      <c r="B82" s="1134"/>
      <c r="C82" s="1135"/>
      <c r="D82" s="1134"/>
      <c r="E82" s="1135"/>
    </row>
    <row r="83" spans="1:21" ht="11.25" customHeight="1" x14ac:dyDescent="0.2">
      <c r="A83" s="77"/>
      <c r="B83" s="77"/>
    </row>
    <row r="84" spans="1:21" ht="15" customHeight="1" x14ac:dyDescent="0.2">
      <c r="A84" s="39"/>
      <c r="B84" s="878" t="s">
        <v>803</v>
      </c>
      <c r="C84" s="771" t="s">
        <v>309</v>
      </c>
      <c r="D84" s="772"/>
      <c r="E84" s="772"/>
    </row>
    <row r="85" spans="1:21" ht="13.5" customHeight="1" x14ac:dyDescent="0.2">
      <c r="A85" s="47" t="s">
        <v>243</v>
      </c>
      <c r="B85" s="1098"/>
      <c r="C85" s="37" t="s">
        <v>279</v>
      </c>
      <c r="D85" s="820" t="s">
        <v>294</v>
      </c>
      <c r="E85" s="821"/>
    </row>
    <row r="86" spans="1:21" ht="12.75" customHeight="1" x14ac:dyDescent="0.2">
      <c r="A86" s="45"/>
      <c r="B86" s="879"/>
      <c r="C86" s="82" t="s">
        <v>295</v>
      </c>
      <c r="D86" s="851"/>
      <c r="E86" s="882"/>
    </row>
    <row r="87" spans="1:21" ht="11.25" customHeight="1" x14ac:dyDescent="0.2">
      <c r="A87" s="327" t="s">
        <v>432</v>
      </c>
      <c r="B87" s="512">
        <v>489840026.94000006</v>
      </c>
      <c r="C87" s="513">
        <v>12</v>
      </c>
      <c r="D87" s="1136">
        <v>13.453493610659164</v>
      </c>
      <c r="E87" s="1137"/>
    </row>
    <row r="88" spans="1:21" ht="11.25" customHeight="1" x14ac:dyDescent="0.2">
      <c r="A88" s="28"/>
      <c r="B88" s="28"/>
      <c r="C88" s="87"/>
      <c r="D88" s="28"/>
      <c r="E88" s="28"/>
    </row>
    <row r="89" spans="1:21" ht="21.75" customHeight="1" x14ac:dyDescent="0.2">
      <c r="A89" s="4" t="s">
        <v>81</v>
      </c>
      <c r="B89" s="771" t="s">
        <v>80</v>
      </c>
      <c r="C89" s="772"/>
      <c r="D89" s="772"/>
      <c r="E89" s="772"/>
    </row>
    <row r="90" spans="1:21" ht="15" customHeight="1" x14ac:dyDescent="0.2">
      <c r="A90" s="326" t="s">
        <v>210</v>
      </c>
      <c r="B90" s="1083">
        <v>0</v>
      </c>
      <c r="C90" s="1084"/>
      <c r="D90" s="1084"/>
      <c r="E90" s="1084"/>
    </row>
    <row r="91" spans="1:21" ht="10.5" x14ac:dyDescent="0.2">
      <c r="A91" s="202" t="s">
        <v>863</v>
      </c>
      <c r="B91" s="202"/>
      <c r="C91" s="202"/>
      <c r="D91" s="202"/>
      <c r="E91" s="331"/>
      <c r="F91" s="18"/>
      <c r="G91" s="18"/>
      <c r="H91" s="18"/>
      <c r="I91" s="18"/>
      <c r="J91" s="18"/>
      <c r="K91" s="18"/>
      <c r="L91" s="18"/>
      <c r="M91" s="18"/>
      <c r="N91" s="18"/>
      <c r="O91" s="18"/>
      <c r="P91" s="18"/>
      <c r="Q91" s="18"/>
      <c r="R91" s="18"/>
      <c r="S91" s="18"/>
      <c r="T91" s="18"/>
      <c r="U91" s="18"/>
    </row>
    <row r="92" spans="1:21" ht="11.25" customHeight="1" x14ac:dyDescent="0.2">
      <c r="A92" s="21"/>
    </row>
    <row r="94" spans="1:21" s="301" customFormat="1" ht="11.25" customHeight="1" x14ac:dyDescent="0.2">
      <c r="C94" s="76"/>
    </row>
    <row r="95" spans="1:21" s="301" customFormat="1" ht="11.25" customHeight="1" x14ac:dyDescent="0.2">
      <c r="C95" s="76"/>
    </row>
    <row r="101" s="52" customFormat="1" ht="11.25" customHeight="1" x14ac:dyDescent="0.2"/>
    <row r="102" s="52" customFormat="1" ht="11.25" customHeight="1" x14ac:dyDescent="0.2"/>
    <row r="103" s="52" customFormat="1" ht="11.25" customHeight="1" x14ac:dyDescent="0.2"/>
    <row r="104" s="52" customFormat="1" ht="11.25" customHeight="1" x14ac:dyDescent="0.2"/>
    <row r="105" s="52" customFormat="1" ht="11.25" customHeight="1" x14ac:dyDescent="0.2"/>
    <row r="106" s="52" customFormat="1" ht="11.25" customHeight="1" x14ac:dyDescent="0.2"/>
    <row r="107" s="52" customFormat="1" ht="11.25" customHeight="1" x14ac:dyDescent="0.2"/>
  </sheetData>
  <customSheetViews>
    <customSheetView guid="{82EDB5A4-4824-4632-A540-7A52C92F04C7}" showPageBreaks="1" showGridLines="0" fitToPage="1" printArea="1">
      <selection activeCell="C45" sqref="C45"/>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3AAF6A5F-F9AA-430B-9AD9-1261ECDF41B5}" showPageBreaks="1" showGridLines="0" fitToPage="1" printArea="1" topLeftCell="A41">
      <selection activeCell="M83" sqref="M83"/>
      <pageMargins left="0.19685039370078741" right="0.19685039370078741" top="0.19685039370078741" bottom="0.19685039370078741" header="0" footer="0"/>
      <printOptions horizontalCentered="1"/>
      <pageSetup paperSize="9" scale="57" orientation="portrait" r:id="rId2"/>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3"/>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4"/>
      <headerFooter alignWithMargins="0"/>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8" orientation="portrait" r:id="rId5"/>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57" orientation="portrait" r:id="rId6"/>
      <headerFooter alignWithMargins="0"/>
    </customSheetView>
    <customSheetView guid="{C779D862-DE28-46CD-A428-4AAA1056D1E1}" showPageBreaks="1" showGridLines="0" fitToPage="1" printArea="1" topLeftCell="A55">
      <selection activeCell="B66" sqref="B66"/>
      <pageMargins left="0.19685039370078741" right="0.19685039370078741" top="0.59055118110236227" bottom="0.19685039370078741" header="0" footer="0"/>
      <printOptions horizontalCentered="1"/>
      <pageSetup paperSize="9" scale="57" orientation="portrait" r:id="rId7"/>
      <headerFooter alignWithMargins="0"/>
    </customSheetView>
  </customSheetViews>
  <mergeCells count="65">
    <mergeCell ref="B68:C68"/>
    <mergeCell ref="D68:E68"/>
    <mergeCell ref="D62:E62"/>
    <mergeCell ref="B80:C80"/>
    <mergeCell ref="D80:E80"/>
    <mergeCell ref="D69:E69"/>
    <mergeCell ref="D70:E70"/>
    <mergeCell ref="B69:C69"/>
    <mergeCell ref="B70:C70"/>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7:E17"/>
    <mergeCell ref="B18:E18"/>
    <mergeCell ref="B19:E19"/>
    <mergeCell ref="B20:E20"/>
    <mergeCell ref="B21:E21"/>
    <mergeCell ref="C43:C44"/>
    <mergeCell ref="D64:E64"/>
    <mergeCell ref="D65:E65"/>
    <mergeCell ref="D66:E66"/>
    <mergeCell ref="D67:E67"/>
    <mergeCell ref="C61:E61"/>
    <mergeCell ref="D43:E44"/>
    <mergeCell ref="D45:E45"/>
    <mergeCell ref="D46:E46"/>
    <mergeCell ref="B81:C81"/>
    <mergeCell ref="D81:E81"/>
    <mergeCell ref="D82:E82"/>
    <mergeCell ref="B82:C82"/>
    <mergeCell ref="D87:E87"/>
    <mergeCell ref="B90:E90"/>
    <mergeCell ref="B84:B86"/>
    <mergeCell ref="D85:E86"/>
    <mergeCell ref="B89:E89"/>
    <mergeCell ref="C84:E84"/>
  </mergeCells>
  <phoneticPr fontId="0" type="noConversion"/>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94"/>
  <sheetViews>
    <sheetView showGridLines="0" zoomScaleNormal="100" workbookViewId="0"/>
  </sheetViews>
  <sheetFormatPr defaultRowHeight="11.25" customHeight="1" x14ac:dyDescent="0.2"/>
  <cols>
    <col min="1" max="1" width="57.42578125" style="52" customWidth="1"/>
    <col min="2" max="2" width="17.140625" style="52" customWidth="1"/>
    <col min="3" max="3" width="19.28515625" style="52" customWidth="1"/>
    <col min="4" max="4" width="17.28515625" style="52" bestFit="1" customWidth="1"/>
    <col min="5" max="5" width="18.42578125" style="52" bestFit="1" customWidth="1"/>
    <col min="6" max="6" width="16.85546875" style="52" customWidth="1"/>
    <col min="7" max="7" width="17.85546875" style="52" customWidth="1"/>
    <col min="8" max="8" width="18.42578125" style="52" bestFit="1" customWidth="1"/>
    <col min="9" max="9" width="17.28515625" style="52" bestFit="1" customWidth="1"/>
    <col min="10" max="10" width="18.5703125" style="52" customWidth="1"/>
    <col min="11" max="11" width="8" style="52" bestFit="1" customWidth="1"/>
    <col min="12" max="12" width="19" style="52" bestFit="1" customWidth="1"/>
    <col min="13" max="13" width="13.85546875" style="52" customWidth="1"/>
    <col min="14" max="14" width="18.5703125" style="52" customWidth="1"/>
    <col min="15" max="15" width="6.5703125" style="52" customWidth="1"/>
    <col min="16" max="17" width="15.42578125" style="52" customWidth="1"/>
    <col min="18" max="18" width="22" style="52" customWidth="1"/>
    <col min="19" max="19" width="13.42578125" style="52" customWidth="1"/>
    <col min="20" max="16384" width="9.140625" style="52"/>
  </cols>
  <sheetData>
    <row r="1" spans="1:14" s="29" customFormat="1" ht="10.5" x14ac:dyDescent="0.2">
      <c r="A1" s="328"/>
      <c r="B1" s="328"/>
      <c r="C1" s="328"/>
      <c r="D1" s="328"/>
      <c r="E1" s="328"/>
      <c r="F1" s="328"/>
      <c r="G1" s="328"/>
      <c r="H1" s="328"/>
      <c r="I1" s="328"/>
      <c r="J1" s="328"/>
      <c r="K1" s="328"/>
      <c r="L1" s="328"/>
    </row>
    <row r="2" spans="1:14" s="29" customFormat="1" ht="10.5" x14ac:dyDescent="0.2">
      <c r="A2" s="795"/>
      <c r="B2" s="795"/>
      <c r="C2" s="795"/>
      <c r="D2" s="795"/>
      <c r="E2" s="795"/>
      <c r="F2" s="795"/>
      <c r="G2" s="795"/>
      <c r="H2" s="795"/>
      <c r="I2" s="795"/>
      <c r="J2" s="795"/>
      <c r="K2" s="795"/>
      <c r="L2" s="795"/>
    </row>
    <row r="3" spans="1:14" ht="10.5" x14ac:dyDescent="0.2">
      <c r="A3" s="762" t="s">
        <v>641</v>
      </c>
      <c r="B3" s="762"/>
      <c r="C3" s="762"/>
      <c r="D3" s="762"/>
      <c r="E3" s="762"/>
      <c r="F3" s="762"/>
      <c r="G3" s="762"/>
      <c r="H3" s="762"/>
      <c r="I3" s="762"/>
      <c r="J3" s="762"/>
      <c r="K3" s="762"/>
      <c r="L3" s="762"/>
    </row>
    <row r="4" spans="1:14" ht="10.5" x14ac:dyDescent="0.2">
      <c r="A4" s="762" t="s">
        <v>105</v>
      </c>
      <c r="B4" s="762"/>
      <c r="C4" s="762"/>
      <c r="D4" s="762"/>
      <c r="E4" s="762"/>
      <c r="F4" s="762"/>
      <c r="G4" s="762"/>
      <c r="H4" s="762"/>
      <c r="I4" s="762"/>
      <c r="J4" s="762"/>
      <c r="K4" s="762"/>
      <c r="L4" s="762"/>
    </row>
    <row r="5" spans="1:14" ht="10.5" x14ac:dyDescent="0.2">
      <c r="A5" s="762" t="s">
        <v>106</v>
      </c>
      <c r="B5" s="762"/>
      <c r="C5" s="762"/>
      <c r="D5" s="762"/>
      <c r="E5" s="762"/>
      <c r="F5" s="762"/>
      <c r="G5" s="762"/>
      <c r="H5" s="762"/>
      <c r="I5" s="762"/>
      <c r="J5" s="762"/>
      <c r="K5" s="762"/>
      <c r="L5" s="762"/>
    </row>
    <row r="6" spans="1:14" ht="10.5" x14ac:dyDescent="0.2">
      <c r="A6" s="762" t="s">
        <v>107</v>
      </c>
      <c r="B6" s="762"/>
      <c r="C6" s="762"/>
      <c r="D6" s="762"/>
      <c r="E6" s="762"/>
      <c r="F6" s="762"/>
      <c r="G6" s="762"/>
      <c r="H6" s="762"/>
      <c r="I6" s="762"/>
      <c r="J6" s="762"/>
      <c r="K6" s="762"/>
      <c r="L6" s="762"/>
    </row>
    <row r="7" spans="1:14" ht="10.5" x14ac:dyDescent="0.2">
      <c r="A7" s="762" t="s">
        <v>874</v>
      </c>
      <c r="B7" s="762"/>
      <c r="C7" s="762"/>
      <c r="D7" s="762"/>
      <c r="E7" s="762"/>
      <c r="F7" s="762"/>
      <c r="G7" s="762"/>
      <c r="H7" s="762"/>
      <c r="I7" s="762"/>
      <c r="J7" s="762"/>
      <c r="K7" s="762"/>
      <c r="L7" s="762"/>
    </row>
    <row r="8" spans="1:14" s="29" customFormat="1" ht="10.5" x14ac:dyDescent="0.2">
      <c r="A8" s="53"/>
      <c r="B8" s="53"/>
      <c r="C8" s="53"/>
      <c r="D8" s="616"/>
      <c r="E8" s="616"/>
      <c r="F8" s="53"/>
      <c r="G8" s="53"/>
      <c r="H8" s="53"/>
      <c r="I8" s="53"/>
      <c r="J8" s="53"/>
      <c r="K8" s="53"/>
    </row>
    <row r="9" spans="1:14" s="29" customFormat="1" ht="9.75" customHeight="1" x14ac:dyDescent="0.2">
      <c r="A9" s="29" t="s">
        <v>864</v>
      </c>
      <c r="B9" s="128"/>
      <c r="D9" s="342"/>
      <c r="E9" s="342"/>
      <c r="H9" s="148"/>
      <c r="I9" s="53"/>
      <c r="J9" s="148"/>
      <c r="L9" s="251">
        <v>1</v>
      </c>
    </row>
    <row r="10" spans="1:14" ht="10.5" x14ac:dyDescent="0.2">
      <c r="A10" s="766" t="s">
        <v>539</v>
      </c>
      <c r="B10" s="767" t="s">
        <v>429</v>
      </c>
      <c r="C10" s="775"/>
      <c r="D10" s="798" t="s">
        <v>235</v>
      </c>
      <c r="E10" s="799"/>
      <c r="F10" s="771" t="s">
        <v>109</v>
      </c>
      <c r="G10" s="772"/>
      <c r="H10" s="772"/>
      <c r="I10" s="772"/>
      <c r="J10" s="772"/>
      <c r="K10" s="773"/>
      <c r="L10" s="802" t="s">
        <v>161</v>
      </c>
    </row>
    <row r="11" spans="1:14" ht="10.5" x14ac:dyDescent="0.15">
      <c r="A11" s="796"/>
      <c r="B11" s="776"/>
      <c r="C11" s="777"/>
      <c r="D11" s="800"/>
      <c r="E11" s="801"/>
      <c r="F11" s="802" t="s">
        <v>113</v>
      </c>
      <c r="G11" s="804"/>
      <c r="H11" s="621" t="s">
        <v>114</v>
      </c>
      <c r="I11" s="765" t="s">
        <v>115</v>
      </c>
      <c r="J11" s="766"/>
      <c r="K11" s="622" t="s">
        <v>114</v>
      </c>
      <c r="L11" s="803"/>
    </row>
    <row r="12" spans="1:14" ht="10.5" x14ac:dyDescent="0.2">
      <c r="A12" s="797"/>
      <c r="B12" s="778"/>
      <c r="C12" s="779"/>
      <c r="D12" s="763" t="s">
        <v>116</v>
      </c>
      <c r="E12" s="764"/>
      <c r="F12" s="763" t="s">
        <v>117</v>
      </c>
      <c r="G12" s="764"/>
      <c r="H12" s="549" t="s">
        <v>118</v>
      </c>
      <c r="I12" s="763" t="s">
        <v>152</v>
      </c>
      <c r="J12" s="764"/>
      <c r="K12" s="619" t="s">
        <v>153</v>
      </c>
      <c r="L12" s="619" t="s">
        <v>154</v>
      </c>
    </row>
    <row r="13" spans="1:14" ht="10.5" x14ac:dyDescent="0.2">
      <c r="A13" s="164" t="s">
        <v>865</v>
      </c>
      <c r="B13" s="807">
        <v>1179764000</v>
      </c>
      <c r="C13" s="808"/>
      <c r="D13" s="807">
        <v>1308369364.76</v>
      </c>
      <c r="E13" s="808"/>
      <c r="F13" s="807">
        <v>268153522.96000001</v>
      </c>
      <c r="G13" s="808"/>
      <c r="H13" s="696">
        <v>20.4952462341694</v>
      </c>
      <c r="I13" s="807">
        <v>522340890.14999998</v>
      </c>
      <c r="J13" s="808"/>
      <c r="K13" s="623">
        <v>39.92304499164235</v>
      </c>
      <c r="L13" s="624">
        <v>786028474.61000001</v>
      </c>
    </row>
    <row r="14" spans="1:14" ht="10.5" x14ac:dyDescent="0.2">
      <c r="A14" s="165" t="s">
        <v>8</v>
      </c>
      <c r="B14" s="809">
        <v>1179764000</v>
      </c>
      <c r="C14" s="810"/>
      <c r="D14" s="809">
        <v>1308369364.76</v>
      </c>
      <c r="E14" s="810"/>
      <c r="F14" s="809">
        <v>268153522.96000001</v>
      </c>
      <c r="G14" s="810"/>
      <c r="H14" s="698">
        <v>20.4952462341694</v>
      </c>
      <c r="I14" s="809">
        <v>522340890.14999998</v>
      </c>
      <c r="J14" s="810"/>
      <c r="K14" s="623">
        <v>39.92304499164235</v>
      </c>
      <c r="L14" s="624">
        <v>786028474.61000001</v>
      </c>
    </row>
    <row r="15" spans="1:14" ht="10.5" x14ac:dyDescent="0.2">
      <c r="A15" s="165" t="s">
        <v>9</v>
      </c>
      <c r="B15" s="805">
        <v>0</v>
      </c>
      <c r="C15" s="806"/>
      <c r="D15" s="805">
        <v>0</v>
      </c>
      <c r="E15" s="806"/>
      <c r="F15" s="805">
        <v>0</v>
      </c>
      <c r="G15" s="806"/>
      <c r="H15" s="625">
        <v>0</v>
      </c>
      <c r="I15" s="805">
        <v>0</v>
      </c>
      <c r="J15" s="806"/>
      <c r="K15" s="625">
        <v>0</v>
      </c>
      <c r="L15" s="626">
        <v>0</v>
      </c>
      <c r="M15" s="31"/>
      <c r="N15" s="65"/>
    </row>
    <row r="16" spans="1:14" ht="10.5" x14ac:dyDescent="0.2">
      <c r="A16" s="32" t="s">
        <v>10</v>
      </c>
      <c r="B16" s="805">
        <v>0</v>
      </c>
      <c r="C16" s="806"/>
      <c r="D16" s="805">
        <v>0</v>
      </c>
      <c r="E16" s="806"/>
      <c r="F16" s="805">
        <v>0</v>
      </c>
      <c r="G16" s="806"/>
      <c r="H16" s="625">
        <v>0</v>
      </c>
      <c r="I16" s="805">
        <v>0</v>
      </c>
      <c r="J16" s="806"/>
      <c r="K16" s="625">
        <v>0</v>
      </c>
      <c r="L16" s="626">
        <v>0</v>
      </c>
    </row>
    <row r="17" spans="1:14" ht="10.5" x14ac:dyDescent="0.2">
      <c r="A17" s="32" t="s">
        <v>11</v>
      </c>
      <c r="B17" s="805">
        <v>0</v>
      </c>
      <c r="C17" s="806"/>
      <c r="D17" s="805">
        <v>0</v>
      </c>
      <c r="E17" s="806"/>
      <c r="F17" s="805">
        <v>0</v>
      </c>
      <c r="G17" s="806"/>
      <c r="H17" s="625">
        <v>0</v>
      </c>
      <c r="I17" s="805">
        <v>0</v>
      </c>
      <c r="J17" s="806"/>
      <c r="K17" s="625">
        <v>0</v>
      </c>
      <c r="L17" s="626">
        <v>0</v>
      </c>
    </row>
    <row r="18" spans="1:14" ht="10.5" x14ac:dyDescent="0.2">
      <c r="A18" s="32" t="s">
        <v>12</v>
      </c>
      <c r="B18" s="805">
        <v>0</v>
      </c>
      <c r="C18" s="806"/>
      <c r="D18" s="805">
        <v>0</v>
      </c>
      <c r="E18" s="806"/>
      <c r="F18" s="805">
        <v>0</v>
      </c>
      <c r="G18" s="806"/>
      <c r="H18" s="625">
        <v>0</v>
      </c>
      <c r="I18" s="805">
        <v>0</v>
      </c>
      <c r="J18" s="806"/>
      <c r="K18" s="625">
        <v>0</v>
      </c>
      <c r="L18" s="626">
        <v>0</v>
      </c>
    </row>
    <row r="19" spans="1:14" ht="10.5" x14ac:dyDescent="0.2">
      <c r="A19" s="165" t="s">
        <v>13</v>
      </c>
      <c r="B19" s="805">
        <v>1179742000</v>
      </c>
      <c r="C19" s="806"/>
      <c r="D19" s="805">
        <v>1179742000</v>
      </c>
      <c r="E19" s="806"/>
      <c r="F19" s="805">
        <v>194840400.93000001</v>
      </c>
      <c r="G19" s="806"/>
      <c r="H19" s="625">
        <v>16.515509402055702</v>
      </c>
      <c r="I19" s="805">
        <v>393735525.38999999</v>
      </c>
      <c r="J19" s="806"/>
      <c r="K19" s="625">
        <v>33.374714589291557</v>
      </c>
      <c r="L19" s="626">
        <v>786006474.61000001</v>
      </c>
      <c r="M19" s="65"/>
      <c r="N19" s="65"/>
    </row>
    <row r="20" spans="1:14" ht="10.5" x14ac:dyDescent="0.2">
      <c r="A20" s="32" t="s">
        <v>14</v>
      </c>
      <c r="B20" s="805">
        <v>1179742000</v>
      </c>
      <c r="C20" s="806"/>
      <c r="D20" s="805">
        <v>1179742000</v>
      </c>
      <c r="E20" s="806"/>
      <c r="F20" s="805">
        <v>194840400.93000001</v>
      </c>
      <c r="G20" s="806"/>
      <c r="H20" s="625">
        <v>16.515509402055702</v>
      </c>
      <c r="I20" s="805">
        <v>393735525.38999999</v>
      </c>
      <c r="J20" s="806"/>
      <c r="K20" s="625">
        <v>33.374714589291557</v>
      </c>
      <c r="L20" s="626">
        <v>786006474.61000001</v>
      </c>
    </row>
    <row r="21" spans="1:14" ht="10.5" x14ac:dyDescent="0.2">
      <c r="A21" s="32" t="s">
        <v>357</v>
      </c>
      <c r="B21" s="805">
        <v>0</v>
      </c>
      <c r="C21" s="806"/>
      <c r="D21" s="805">
        <v>0</v>
      </c>
      <c r="E21" s="806"/>
      <c r="F21" s="805">
        <v>0</v>
      </c>
      <c r="G21" s="806"/>
      <c r="H21" s="625">
        <v>0</v>
      </c>
      <c r="I21" s="805">
        <v>0</v>
      </c>
      <c r="J21" s="806"/>
      <c r="K21" s="625">
        <v>0</v>
      </c>
      <c r="L21" s="626">
        <v>0</v>
      </c>
    </row>
    <row r="22" spans="1:14" ht="10.5" x14ac:dyDescent="0.2">
      <c r="A22" s="32" t="s">
        <v>358</v>
      </c>
      <c r="B22" s="805">
        <v>0</v>
      </c>
      <c r="C22" s="806"/>
      <c r="D22" s="805">
        <v>0</v>
      </c>
      <c r="E22" s="806"/>
      <c r="F22" s="805">
        <v>0</v>
      </c>
      <c r="G22" s="806"/>
      <c r="H22" s="625">
        <v>0</v>
      </c>
      <c r="I22" s="805">
        <v>0</v>
      </c>
      <c r="J22" s="806"/>
      <c r="K22" s="625">
        <v>0</v>
      </c>
      <c r="L22" s="626">
        <v>0</v>
      </c>
    </row>
    <row r="23" spans="1:14" ht="10.5" x14ac:dyDescent="0.2">
      <c r="A23" s="165" t="s">
        <v>15</v>
      </c>
      <c r="B23" s="805">
        <v>0</v>
      </c>
      <c r="C23" s="806"/>
      <c r="D23" s="805">
        <v>0</v>
      </c>
      <c r="E23" s="806"/>
      <c r="F23" s="805">
        <v>0</v>
      </c>
      <c r="G23" s="806"/>
      <c r="H23" s="625">
        <v>0</v>
      </c>
      <c r="I23" s="805">
        <v>0</v>
      </c>
      <c r="J23" s="806"/>
      <c r="K23" s="625">
        <v>0</v>
      </c>
      <c r="L23" s="626">
        <v>0</v>
      </c>
    </row>
    <row r="24" spans="1:14" ht="10.5" x14ac:dyDescent="0.2">
      <c r="A24" s="32" t="s">
        <v>16</v>
      </c>
      <c r="B24" s="805">
        <v>0</v>
      </c>
      <c r="C24" s="806"/>
      <c r="D24" s="805">
        <v>0</v>
      </c>
      <c r="E24" s="806"/>
      <c r="F24" s="805">
        <v>0</v>
      </c>
      <c r="G24" s="806"/>
      <c r="H24" s="625">
        <v>0</v>
      </c>
      <c r="I24" s="805">
        <v>0</v>
      </c>
      <c r="J24" s="806"/>
      <c r="K24" s="625">
        <v>0</v>
      </c>
      <c r="L24" s="626">
        <v>0</v>
      </c>
    </row>
    <row r="25" spans="1:14" ht="10.5" x14ac:dyDescent="0.2">
      <c r="A25" s="32" t="s">
        <v>17</v>
      </c>
      <c r="B25" s="805">
        <v>0</v>
      </c>
      <c r="C25" s="806"/>
      <c r="D25" s="805">
        <v>0</v>
      </c>
      <c r="E25" s="806"/>
      <c r="F25" s="805">
        <v>0</v>
      </c>
      <c r="G25" s="806"/>
      <c r="H25" s="625">
        <v>0</v>
      </c>
      <c r="I25" s="805">
        <v>0</v>
      </c>
      <c r="J25" s="806"/>
      <c r="K25" s="625">
        <v>0</v>
      </c>
      <c r="L25" s="626">
        <v>0</v>
      </c>
    </row>
    <row r="26" spans="1:14" ht="10.5" x14ac:dyDescent="0.2">
      <c r="A26" s="32" t="s">
        <v>18</v>
      </c>
      <c r="B26" s="805">
        <v>0</v>
      </c>
      <c r="C26" s="806"/>
      <c r="D26" s="805">
        <v>0</v>
      </c>
      <c r="E26" s="806"/>
      <c r="F26" s="805">
        <v>0</v>
      </c>
      <c r="G26" s="806"/>
      <c r="H26" s="625">
        <v>0</v>
      </c>
      <c r="I26" s="805">
        <v>0</v>
      </c>
      <c r="J26" s="806"/>
      <c r="K26" s="625">
        <v>0</v>
      </c>
      <c r="L26" s="626">
        <v>0</v>
      </c>
    </row>
    <row r="27" spans="1:14" ht="10.5" x14ac:dyDescent="0.2">
      <c r="A27" s="32" t="s">
        <v>119</v>
      </c>
      <c r="B27" s="805">
        <v>0</v>
      </c>
      <c r="C27" s="806"/>
      <c r="D27" s="805">
        <v>0</v>
      </c>
      <c r="E27" s="806"/>
      <c r="F27" s="805">
        <v>0</v>
      </c>
      <c r="G27" s="806"/>
      <c r="H27" s="625">
        <v>0</v>
      </c>
      <c r="I27" s="805">
        <v>0</v>
      </c>
      <c r="J27" s="806"/>
      <c r="K27" s="625">
        <v>0</v>
      </c>
      <c r="L27" s="626">
        <v>0</v>
      </c>
    </row>
    <row r="28" spans="1:14" ht="21" x14ac:dyDescent="0.2">
      <c r="A28" s="59" t="s">
        <v>370</v>
      </c>
      <c r="B28" s="805">
        <v>0</v>
      </c>
      <c r="C28" s="806"/>
      <c r="D28" s="805">
        <v>0</v>
      </c>
      <c r="E28" s="806"/>
      <c r="F28" s="805">
        <v>0</v>
      </c>
      <c r="G28" s="806"/>
      <c r="H28" s="625">
        <v>0</v>
      </c>
      <c r="I28" s="805">
        <v>0</v>
      </c>
      <c r="J28" s="806"/>
      <c r="K28" s="625">
        <v>0</v>
      </c>
      <c r="L28" s="626">
        <v>0</v>
      </c>
    </row>
    <row r="29" spans="1:14" ht="10.5" x14ac:dyDescent="0.2">
      <c r="A29" s="59" t="s">
        <v>371</v>
      </c>
      <c r="B29" s="805">
        <v>0</v>
      </c>
      <c r="C29" s="806"/>
      <c r="D29" s="805">
        <v>0</v>
      </c>
      <c r="E29" s="806"/>
      <c r="F29" s="805">
        <v>0</v>
      </c>
      <c r="G29" s="806"/>
      <c r="H29" s="625">
        <v>0</v>
      </c>
      <c r="I29" s="805">
        <v>0</v>
      </c>
      <c r="J29" s="806"/>
      <c r="K29" s="625">
        <v>0</v>
      </c>
      <c r="L29" s="626">
        <v>0</v>
      </c>
    </row>
    <row r="30" spans="1:14" ht="10.5" x14ac:dyDescent="0.2">
      <c r="A30" s="32" t="s">
        <v>19</v>
      </c>
      <c r="B30" s="805">
        <v>0</v>
      </c>
      <c r="C30" s="806"/>
      <c r="D30" s="805">
        <v>0</v>
      </c>
      <c r="E30" s="806"/>
      <c r="F30" s="805">
        <v>0</v>
      </c>
      <c r="G30" s="806"/>
      <c r="H30" s="625">
        <v>0</v>
      </c>
      <c r="I30" s="805">
        <v>0</v>
      </c>
      <c r="J30" s="806"/>
      <c r="K30" s="625">
        <v>0</v>
      </c>
      <c r="L30" s="626">
        <v>0</v>
      </c>
    </row>
    <row r="31" spans="1:14" ht="10.5" x14ac:dyDescent="0.2">
      <c r="A31" s="165" t="s">
        <v>20</v>
      </c>
      <c r="B31" s="805">
        <v>0</v>
      </c>
      <c r="C31" s="806"/>
      <c r="D31" s="805">
        <v>0</v>
      </c>
      <c r="E31" s="806"/>
      <c r="F31" s="805">
        <v>0</v>
      </c>
      <c r="G31" s="806"/>
      <c r="H31" s="625">
        <v>0</v>
      </c>
      <c r="I31" s="805">
        <v>0</v>
      </c>
      <c r="J31" s="806"/>
      <c r="K31" s="625">
        <v>0</v>
      </c>
      <c r="L31" s="626">
        <v>0</v>
      </c>
    </row>
    <row r="32" spans="1:14" ht="10.5" x14ac:dyDescent="0.2">
      <c r="A32" s="32" t="s">
        <v>21</v>
      </c>
      <c r="B32" s="805">
        <v>0</v>
      </c>
      <c r="C32" s="806"/>
      <c r="D32" s="805">
        <v>0</v>
      </c>
      <c r="E32" s="806"/>
      <c r="F32" s="805">
        <v>0</v>
      </c>
      <c r="G32" s="806"/>
      <c r="H32" s="625">
        <v>0</v>
      </c>
      <c r="I32" s="805">
        <v>0</v>
      </c>
      <c r="J32" s="806"/>
      <c r="K32" s="625">
        <v>0</v>
      </c>
      <c r="L32" s="626">
        <v>0</v>
      </c>
    </row>
    <row r="33" spans="1:14" ht="10.5" x14ac:dyDescent="0.2">
      <c r="A33" s="32" t="s">
        <v>22</v>
      </c>
      <c r="B33" s="805">
        <v>0</v>
      </c>
      <c r="C33" s="806"/>
      <c r="D33" s="805">
        <v>0</v>
      </c>
      <c r="E33" s="806"/>
      <c r="F33" s="805">
        <v>0</v>
      </c>
      <c r="G33" s="806"/>
      <c r="H33" s="625">
        <v>0</v>
      </c>
      <c r="I33" s="805">
        <v>0</v>
      </c>
      <c r="J33" s="806"/>
      <c r="K33" s="625">
        <v>0</v>
      </c>
      <c r="L33" s="626">
        <v>0</v>
      </c>
    </row>
    <row r="34" spans="1:14" ht="10.5" x14ac:dyDescent="0.2">
      <c r="A34" s="32" t="s">
        <v>23</v>
      </c>
      <c r="B34" s="805">
        <v>0</v>
      </c>
      <c r="C34" s="806"/>
      <c r="D34" s="805">
        <v>0</v>
      </c>
      <c r="E34" s="806"/>
      <c r="F34" s="805">
        <v>0</v>
      </c>
      <c r="G34" s="806"/>
      <c r="H34" s="625">
        <v>0</v>
      </c>
      <c r="I34" s="805">
        <v>0</v>
      </c>
      <c r="J34" s="806"/>
      <c r="K34" s="625">
        <v>0</v>
      </c>
      <c r="L34" s="626">
        <v>0</v>
      </c>
    </row>
    <row r="35" spans="1:14" ht="10.5" x14ac:dyDescent="0.2">
      <c r="A35" s="165" t="s">
        <v>24</v>
      </c>
      <c r="B35" s="805">
        <v>0</v>
      </c>
      <c r="C35" s="806"/>
      <c r="D35" s="805">
        <v>0</v>
      </c>
      <c r="E35" s="806"/>
      <c r="F35" s="805">
        <v>0</v>
      </c>
      <c r="G35" s="806"/>
      <c r="H35" s="625">
        <v>0</v>
      </c>
      <c r="I35" s="805">
        <v>0</v>
      </c>
      <c r="J35" s="806"/>
      <c r="K35" s="625">
        <v>0</v>
      </c>
      <c r="L35" s="626">
        <v>0</v>
      </c>
    </row>
    <row r="36" spans="1:14" ht="10.5" x14ac:dyDescent="0.2">
      <c r="A36" s="32" t="s">
        <v>372</v>
      </c>
      <c r="B36" s="805">
        <v>0</v>
      </c>
      <c r="C36" s="806"/>
      <c r="D36" s="805">
        <v>0</v>
      </c>
      <c r="E36" s="806"/>
      <c r="F36" s="805">
        <v>0</v>
      </c>
      <c r="G36" s="806"/>
      <c r="H36" s="625">
        <v>0</v>
      </c>
      <c r="I36" s="805">
        <v>0</v>
      </c>
      <c r="J36" s="806"/>
      <c r="K36" s="625">
        <v>0</v>
      </c>
      <c r="L36" s="626">
        <v>0</v>
      </c>
    </row>
    <row r="37" spans="1:14" ht="10.5" x14ac:dyDescent="0.2">
      <c r="A37" s="32" t="s">
        <v>25</v>
      </c>
      <c r="B37" s="805">
        <v>0</v>
      </c>
      <c r="C37" s="806"/>
      <c r="D37" s="805">
        <v>0</v>
      </c>
      <c r="E37" s="806"/>
      <c r="F37" s="805">
        <v>0</v>
      </c>
      <c r="G37" s="806"/>
      <c r="H37" s="625">
        <v>0</v>
      </c>
      <c r="I37" s="805">
        <v>0</v>
      </c>
      <c r="J37" s="806"/>
      <c r="K37" s="625">
        <v>0</v>
      </c>
      <c r="L37" s="626">
        <v>0</v>
      </c>
    </row>
    <row r="38" spans="1:14" ht="10.5" x14ac:dyDescent="0.2">
      <c r="A38" s="32" t="s">
        <v>26</v>
      </c>
      <c r="B38" s="805">
        <v>0</v>
      </c>
      <c r="C38" s="806"/>
      <c r="D38" s="805">
        <v>0</v>
      </c>
      <c r="E38" s="806"/>
      <c r="F38" s="805">
        <v>0</v>
      </c>
      <c r="G38" s="806"/>
      <c r="H38" s="625">
        <v>0</v>
      </c>
      <c r="I38" s="805">
        <v>0</v>
      </c>
      <c r="J38" s="806"/>
      <c r="K38" s="625">
        <v>0</v>
      </c>
      <c r="L38" s="626">
        <v>0</v>
      </c>
    </row>
    <row r="39" spans="1:14" ht="10.5" x14ac:dyDescent="0.2">
      <c r="A39" s="60" t="s">
        <v>27</v>
      </c>
      <c r="B39" s="805">
        <v>0</v>
      </c>
      <c r="C39" s="806"/>
      <c r="D39" s="805">
        <v>0</v>
      </c>
      <c r="E39" s="806"/>
      <c r="F39" s="805">
        <v>0</v>
      </c>
      <c r="G39" s="806"/>
      <c r="H39" s="625">
        <v>0</v>
      </c>
      <c r="I39" s="805">
        <v>0</v>
      </c>
      <c r="J39" s="806"/>
      <c r="K39" s="625">
        <v>0</v>
      </c>
      <c r="L39" s="626">
        <v>0</v>
      </c>
    </row>
    <row r="40" spans="1:14" ht="10.5" x14ac:dyDescent="0.2">
      <c r="A40" s="165" t="s">
        <v>28</v>
      </c>
      <c r="B40" s="805">
        <v>3000</v>
      </c>
      <c r="C40" s="806"/>
      <c r="D40" s="805">
        <v>3000</v>
      </c>
      <c r="E40" s="806"/>
      <c r="F40" s="805">
        <v>0</v>
      </c>
      <c r="G40" s="806"/>
      <c r="H40" s="625">
        <v>0</v>
      </c>
      <c r="I40" s="805">
        <v>0</v>
      </c>
      <c r="J40" s="806"/>
      <c r="K40" s="625">
        <v>0</v>
      </c>
      <c r="L40" s="626">
        <v>3000</v>
      </c>
    </row>
    <row r="41" spans="1:14" ht="10.5" x14ac:dyDescent="0.2">
      <c r="A41" s="165" t="s">
        <v>29</v>
      </c>
      <c r="B41" s="805">
        <v>0</v>
      </c>
      <c r="C41" s="806"/>
      <c r="D41" s="805">
        <v>0</v>
      </c>
      <c r="E41" s="806"/>
      <c r="F41" s="805">
        <v>0</v>
      </c>
      <c r="G41" s="806"/>
      <c r="H41" s="625">
        <v>0</v>
      </c>
      <c r="I41" s="805">
        <v>0</v>
      </c>
      <c r="J41" s="806"/>
      <c r="K41" s="625">
        <v>0</v>
      </c>
      <c r="L41" s="626">
        <v>0</v>
      </c>
      <c r="M41" s="65"/>
      <c r="N41" s="65"/>
    </row>
    <row r="42" spans="1:14" ht="10.5" x14ac:dyDescent="0.2">
      <c r="A42" s="32" t="s">
        <v>30</v>
      </c>
      <c r="B42" s="805">
        <v>0</v>
      </c>
      <c r="C42" s="806"/>
      <c r="D42" s="805">
        <v>0</v>
      </c>
      <c r="E42" s="806"/>
      <c r="F42" s="805">
        <v>0</v>
      </c>
      <c r="G42" s="806"/>
      <c r="H42" s="625">
        <v>0</v>
      </c>
      <c r="I42" s="805">
        <v>0</v>
      </c>
      <c r="J42" s="806"/>
      <c r="K42" s="625">
        <v>0</v>
      </c>
      <c r="L42" s="626">
        <v>0</v>
      </c>
    </row>
    <row r="43" spans="1:14" ht="10.5" x14ac:dyDescent="0.2">
      <c r="A43" s="32" t="s">
        <v>31</v>
      </c>
      <c r="B43" s="805">
        <v>0</v>
      </c>
      <c r="C43" s="806"/>
      <c r="D43" s="805">
        <v>0</v>
      </c>
      <c r="E43" s="806"/>
      <c r="F43" s="805">
        <v>0</v>
      </c>
      <c r="G43" s="806"/>
      <c r="H43" s="625">
        <v>0</v>
      </c>
      <c r="I43" s="805">
        <v>0</v>
      </c>
      <c r="J43" s="806"/>
      <c r="K43" s="625">
        <v>0</v>
      </c>
      <c r="L43" s="626">
        <v>0</v>
      </c>
    </row>
    <row r="44" spans="1:14" ht="10.5" x14ac:dyDescent="0.2">
      <c r="A44" s="32" t="s">
        <v>32</v>
      </c>
      <c r="B44" s="805">
        <v>0</v>
      </c>
      <c r="C44" s="806"/>
      <c r="D44" s="805">
        <v>0</v>
      </c>
      <c r="E44" s="806"/>
      <c r="F44" s="805">
        <v>0</v>
      </c>
      <c r="G44" s="806"/>
      <c r="H44" s="625">
        <v>0</v>
      </c>
      <c r="I44" s="805">
        <v>0</v>
      </c>
      <c r="J44" s="806"/>
      <c r="K44" s="625">
        <v>0</v>
      </c>
      <c r="L44" s="626">
        <v>0</v>
      </c>
    </row>
    <row r="45" spans="1:14" ht="10.5" x14ac:dyDescent="0.2">
      <c r="A45" s="32" t="s">
        <v>33</v>
      </c>
      <c r="B45" s="805">
        <v>0</v>
      </c>
      <c r="C45" s="806"/>
      <c r="D45" s="805">
        <v>0</v>
      </c>
      <c r="E45" s="806"/>
      <c r="F45" s="805">
        <v>0</v>
      </c>
      <c r="G45" s="806"/>
      <c r="H45" s="625">
        <v>0</v>
      </c>
      <c r="I45" s="805">
        <v>0</v>
      </c>
      <c r="J45" s="806"/>
      <c r="K45" s="625">
        <v>0</v>
      </c>
      <c r="L45" s="626">
        <v>0</v>
      </c>
    </row>
    <row r="46" spans="1:14" ht="10.5" x14ac:dyDescent="0.2">
      <c r="A46" s="32" t="s">
        <v>34</v>
      </c>
      <c r="B46" s="805">
        <v>0</v>
      </c>
      <c r="C46" s="806"/>
      <c r="D46" s="805">
        <v>0</v>
      </c>
      <c r="E46" s="806"/>
      <c r="F46" s="805">
        <v>0</v>
      </c>
      <c r="G46" s="806"/>
      <c r="H46" s="625">
        <v>0</v>
      </c>
      <c r="I46" s="805">
        <v>0</v>
      </c>
      <c r="J46" s="806"/>
      <c r="K46" s="625">
        <v>0</v>
      </c>
      <c r="L46" s="626">
        <v>0</v>
      </c>
    </row>
    <row r="47" spans="1:14" ht="10.5" x14ac:dyDescent="0.2">
      <c r="A47" s="61" t="s">
        <v>35</v>
      </c>
      <c r="B47" s="805">
        <v>0</v>
      </c>
      <c r="C47" s="806"/>
      <c r="D47" s="805">
        <v>0</v>
      </c>
      <c r="E47" s="806"/>
      <c r="F47" s="805">
        <v>0</v>
      </c>
      <c r="G47" s="806"/>
      <c r="H47" s="625">
        <v>0</v>
      </c>
      <c r="I47" s="805">
        <v>0</v>
      </c>
      <c r="J47" s="806"/>
      <c r="K47" s="625">
        <v>0</v>
      </c>
      <c r="L47" s="626">
        <v>0</v>
      </c>
    </row>
    <row r="48" spans="1:14" ht="10.5" x14ac:dyDescent="0.2">
      <c r="A48" s="165" t="s">
        <v>36</v>
      </c>
      <c r="B48" s="805">
        <v>19000</v>
      </c>
      <c r="C48" s="806"/>
      <c r="D48" s="805">
        <v>128624364.76000001</v>
      </c>
      <c r="E48" s="806"/>
      <c r="F48" s="805">
        <v>73313122.030000001</v>
      </c>
      <c r="G48" s="806"/>
      <c r="H48" s="625">
        <v>56.997849642868857</v>
      </c>
      <c r="I48" s="805">
        <v>128605364.76000001</v>
      </c>
      <c r="J48" s="806"/>
      <c r="K48" s="625">
        <v>99.985228304112169</v>
      </c>
      <c r="L48" s="626">
        <v>19000</v>
      </c>
    </row>
    <row r="49" spans="1:14" ht="10.5" x14ac:dyDescent="0.2">
      <c r="A49" s="32" t="s">
        <v>37</v>
      </c>
      <c r="B49" s="805">
        <v>19000</v>
      </c>
      <c r="C49" s="806"/>
      <c r="D49" s="805">
        <v>19000</v>
      </c>
      <c r="E49" s="806"/>
      <c r="F49" s="805">
        <v>0</v>
      </c>
      <c r="G49" s="806"/>
      <c r="H49" s="625">
        <v>0</v>
      </c>
      <c r="I49" s="805">
        <v>0</v>
      </c>
      <c r="J49" s="806"/>
      <c r="K49" s="625">
        <v>0</v>
      </c>
      <c r="L49" s="626">
        <v>19000</v>
      </c>
    </row>
    <row r="50" spans="1:14" ht="10.5" x14ac:dyDescent="0.2">
      <c r="A50" s="32" t="s">
        <v>38</v>
      </c>
      <c r="B50" s="805">
        <v>0</v>
      </c>
      <c r="C50" s="806"/>
      <c r="D50" s="805">
        <v>0</v>
      </c>
      <c r="E50" s="806"/>
      <c r="F50" s="805">
        <v>0</v>
      </c>
      <c r="G50" s="806"/>
      <c r="H50" s="625">
        <v>0</v>
      </c>
      <c r="I50" s="805">
        <v>0</v>
      </c>
      <c r="J50" s="806"/>
      <c r="K50" s="625">
        <v>0</v>
      </c>
      <c r="L50" s="626">
        <v>0</v>
      </c>
    </row>
    <row r="51" spans="1:14" ht="10.5" x14ac:dyDescent="0.2">
      <c r="A51" s="32" t="s">
        <v>39</v>
      </c>
      <c r="B51" s="805">
        <v>0</v>
      </c>
      <c r="C51" s="806"/>
      <c r="D51" s="805">
        <v>0</v>
      </c>
      <c r="E51" s="806"/>
      <c r="F51" s="805">
        <v>0</v>
      </c>
      <c r="G51" s="806"/>
      <c r="H51" s="625">
        <v>0</v>
      </c>
      <c r="I51" s="805">
        <v>0</v>
      </c>
      <c r="J51" s="806"/>
      <c r="K51" s="625">
        <v>0</v>
      </c>
      <c r="L51" s="626">
        <v>0</v>
      </c>
    </row>
    <row r="52" spans="1:14" ht="21" x14ac:dyDescent="0.2">
      <c r="A52" s="59" t="s">
        <v>373</v>
      </c>
      <c r="B52" s="805">
        <v>0</v>
      </c>
      <c r="C52" s="806"/>
      <c r="D52" s="805">
        <v>0</v>
      </c>
      <c r="E52" s="806"/>
      <c r="F52" s="805">
        <v>0</v>
      </c>
      <c r="G52" s="806"/>
      <c r="H52" s="625">
        <v>0</v>
      </c>
      <c r="I52" s="805">
        <v>0</v>
      </c>
      <c r="J52" s="806"/>
      <c r="K52" s="625">
        <v>0</v>
      </c>
      <c r="L52" s="626">
        <v>0</v>
      </c>
    </row>
    <row r="53" spans="1:14" ht="10.5" x14ac:dyDescent="0.2">
      <c r="A53" s="61" t="s">
        <v>54</v>
      </c>
      <c r="B53" s="805">
        <v>0</v>
      </c>
      <c r="C53" s="806"/>
      <c r="D53" s="805">
        <v>128605364.76000001</v>
      </c>
      <c r="E53" s="806"/>
      <c r="F53" s="805">
        <v>73313122.030000001</v>
      </c>
      <c r="G53" s="806"/>
      <c r="H53" s="625">
        <v>57.006270435774617</v>
      </c>
      <c r="I53" s="805">
        <v>128605364.76000001</v>
      </c>
      <c r="J53" s="806"/>
      <c r="K53" s="625">
        <v>100</v>
      </c>
      <c r="L53" s="626">
        <v>0</v>
      </c>
    </row>
    <row r="54" spans="1:14" ht="10.5" x14ac:dyDescent="0.2">
      <c r="A54" s="165" t="s">
        <v>40</v>
      </c>
      <c r="B54" s="809">
        <v>0</v>
      </c>
      <c r="C54" s="810"/>
      <c r="D54" s="809">
        <v>0</v>
      </c>
      <c r="E54" s="810"/>
      <c r="F54" s="809">
        <v>0</v>
      </c>
      <c r="G54" s="810"/>
      <c r="H54" s="623">
        <v>0</v>
      </c>
      <c r="I54" s="809">
        <v>0</v>
      </c>
      <c r="J54" s="810"/>
      <c r="K54" s="623">
        <v>0</v>
      </c>
      <c r="L54" s="697">
        <v>0</v>
      </c>
    </row>
    <row r="55" spans="1:14" ht="10.5" x14ac:dyDescent="0.2">
      <c r="A55" s="165" t="s">
        <v>41</v>
      </c>
      <c r="B55" s="805">
        <v>0</v>
      </c>
      <c r="C55" s="806"/>
      <c r="D55" s="805">
        <v>0</v>
      </c>
      <c r="E55" s="806"/>
      <c r="F55" s="805">
        <v>0</v>
      </c>
      <c r="G55" s="806"/>
      <c r="H55" s="625">
        <v>0</v>
      </c>
      <c r="I55" s="805">
        <v>0</v>
      </c>
      <c r="J55" s="806"/>
      <c r="K55" s="625">
        <v>0</v>
      </c>
      <c r="L55" s="626">
        <v>0</v>
      </c>
    </row>
    <row r="56" spans="1:14" ht="10.5" x14ac:dyDescent="0.2">
      <c r="A56" s="32" t="s">
        <v>42</v>
      </c>
      <c r="B56" s="805">
        <v>0</v>
      </c>
      <c r="C56" s="806"/>
      <c r="D56" s="805">
        <v>0</v>
      </c>
      <c r="E56" s="806"/>
      <c r="F56" s="805">
        <v>0</v>
      </c>
      <c r="G56" s="806"/>
      <c r="H56" s="625">
        <v>0</v>
      </c>
      <c r="I56" s="805">
        <v>0</v>
      </c>
      <c r="J56" s="806"/>
      <c r="K56" s="625">
        <v>0</v>
      </c>
      <c r="L56" s="626">
        <v>0</v>
      </c>
    </row>
    <row r="57" spans="1:14" ht="10.5" x14ac:dyDescent="0.2">
      <c r="A57" s="32" t="s">
        <v>43</v>
      </c>
      <c r="B57" s="805">
        <v>0</v>
      </c>
      <c r="C57" s="806"/>
      <c r="D57" s="805">
        <v>0</v>
      </c>
      <c r="E57" s="806"/>
      <c r="F57" s="805">
        <v>0</v>
      </c>
      <c r="G57" s="806"/>
      <c r="H57" s="625">
        <v>0</v>
      </c>
      <c r="I57" s="805">
        <v>0</v>
      </c>
      <c r="J57" s="806"/>
      <c r="K57" s="625">
        <v>0</v>
      </c>
      <c r="L57" s="626">
        <v>0</v>
      </c>
    </row>
    <row r="58" spans="1:14" ht="10.5" x14ac:dyDescent="0.2">
      <c r="A58" s="165" t="s">
        <v>44</v>
      </c>
      <c r="B58" s="805">
        <v>0</v>
      </c>
      <c r="C58" s="806"/>
      <c r="D58" s="805">
        <v>0</v>
      </c>
      <c r="E58" s="806"/>
      <c r="F58" s="805">
        <v>0</v>
      </c>
      <c r="G58" s="806"/>
      <c r="H58" s="625">
        <v>0</v>
      </c>
      <c r="I58" s="805">
        <v>0</v>
      </c>
      <c r="J58" s="806"/>
      <c r="K58" s="625">
        <v>0</v>
      </c>
      <c r="L58" s="626">
        <v>0</v>
      </c>
      <c r="M58" s="65"/>
      <c r="N58" s="65"/>
    </row>
    <row r="59" spans="1:14" ht="10.5" x14ac:dyDescent="0.2">
      <c r="A59" s="32" t="s">
        <v>45</v>
      </c>
      <c r="B59" s="805">
        <v>0</v>
      </c>
      <c r="C59" s="806"/>
      <c r="D59" s="805">
        <v>0</v>
      </c>
      <c r="E59" s="806"/>
      <c r="F59" s="805">
        <v>0</v>
      </c>
      <c r="G59" s="806"/>
      <c r="H59" s="625">
        <v>0</v>
      </c>
      <c r="I59" s="805">
        <v>0</v>
      </c>
      <c r="J59" s="806"/>
      <c r="K59" s="625">
        <v>0</v>
      </c>
      <c r="L59" s="626">
        <v>0</v>
      </c>
    </row>
    <row r="60" spans="1:14" ht="10.5" x14ac:dyDescent="0.2">
      <c r="A60" s="32" t="s">
        <v>46</v>
      </c>
      <c r="B60" s="805">
        <v>0</v>
      </c>
      <c r="C60" s="806"/>
      <c r="D60" s="805">
        <v>0</v>
      </c>
      <c r="E60" s="806"/>
      <c r="F60" s="805">
        <v>0</v>
      </c>
      <c r="G60" s="806"/>
      <c r="H60" s="625">
        <v>0</v>
      </c>
      <c r="I60" s="805">
        <v>0</v>
      </c>
      <c r="J60" s="806"/>
      <c r="K60" s="625">
        <v>0</v>
      </c>
      <c r="L60" s="626">
        <v>0</v>
      </c>
    </row>
    <row r="61" spans="1:14" ht="10.5" x14ac:dyDescent="0.2">
      <c r="A61" s="165" t="s">
        <v>47</v>
      </c>
      <c r="B61" s="805">
        <v>0</v>
      </c>
      <c r="C61" s="806"/>
      <c r="D61" s="805">
        <v>0</v>
      </c>
      <c r="E61" s="806"/>
      <c r="F61" s="805">
        <v>0</v>
      </c>
      <c r="G61" s="806"/>
      <c r="H61" s="625">
        <v>0</v>
      </c>
      <c r="I61" s="805">
        <v>0</v>
      </c>
      <c r="J61" s="806"/>
      <c r="K61" s="625">
        <v>0</v>
      </c>
      <c r="L61" s="626">
        <v>0</v>
      </c>
    </row>
    <row r="62" spans="1:14" ht="10.5" x14ac:dyDescent="0.2">
      <c r="A62" s="165" t="s">
        <v>48</v>
      </c>
      <c r="B62" s="805">
        <v>0</v>
      </c>
      <c r="C62" s="806"/>
      <c r="D62" s="805">
        <v>0</v>
      </c>
      <c r="E62" s="806"/>
      <c r="F62" s="805">
        <v>0</v>
      </c>
      <c r="G62" s="806"/>
      <c r="H62" s="625">
        <v>0</v>
      </c>
      <c r="I62" s="805">
        <v>0</v>
      </c>
      <c r="J62" s="806"/>
      <c r="K62" s="625">
        <v>0</v>
      </c>
      <c r="L62" s="626">
        <v>0</v>
      </c>
      <c r="M62" s="65"/>
      <c r="N62" s="65"/>
    </row>
    <row r="63" spans="1:14" ht="10.5" x14ac:dyDescent="0.2">
      <c r="A63" s="32" t="s">
        <v>30</v>
      </c>
      <c r="B63" s="805">
        <v>0</v>
      </c>
      <c r="C63" s="806"/>
      <c r="D63" s="805">
        <v>0</v>
      </c>
      <c r="E63" s="806"/>
      <c r="F63" s="805">
        <v>0</v>
      </c>
      <c r="G63" s="806"/>
      <c r="H63" s="625">
        <v>0</v>
      </c>
      <c r="I63" s="805">
        <v>0</v>
      </c>
      <c r="J63" s="806"/>
      <c r="K63" s="625">
        <v>0</v>
      </c>
      <c r="L63" s="626">
        <v>0</v>
      </c>
    </row>
    <row r="64" spans="1:14" ht="10.5" x14ac:dyDescent="0.2">
      <c r="A64" s="32" t="s">
        <v>31</v>
      </c>
      <c r="B64" s="805">
        <v>0</v>
      </c>
      <c r="C64" s="806"/>
      <c r="D64" s="805">
        <v>0</v>
      </c>
      <c r="E64" s="806"/>
      <c r="F64" s="805">
        <v>0</v>
      </c>
      <c r="G64" s="806"/>
      <c r="H64" s="625">
        <v>0</v>
      </c>
      <c r="I64" s="805">
        <v>0</v>
      </c>
      <c r="J64" s="806"/>
      <c r="K64" s="625">
        <v>0</v>
      </c>
      <c r="L64" s="626">
        <v>0</v>
      </c>
    </row>
    <row r="65" spans="1:12" ht="10.5" x14ac:dyDescent="0.2">
      <c r="A65" s="32" t="s">
        <v>32</v>
      </c>
      <c r="B65" s="805">
        <v>0</v>
      </c>
      <c r="C65" s="806"/>
      <c r="D65" s="805">
        <v>0</v>
      </c>
      <c r="E65" s="806"/>
      <c r="F65" s="805">
        <v>0</v>
      </c>
      <c r="G65" s="806"/>
      <c r="H65" s="625">
        <v>0</v>
      </c>
      <c r="I65" s="805">
        <v>0</v>
      </c>
      <c r="J65" s="806"/>
      <c r="K65" s="625">
        <v>0</v>
      </c>
      <c r="L65" s="626">
        <v>0</v>
      </c>
    </row>
    <row r="66" spans="1:12" ht="10.5" x14ac:dyDescent="0.2">
      <c r="A66" s="32" t="s">
        <v>33</v>
      </c>
      <c r="B66" s="805">
        <v>0</v>
      </c>
      <c r="C66" s="806"/>
      <c r="D66" s="805">
        <v>0</v>
      </c>
      <c r="E66" s="806"/>
      <c r="F66" s="805">
        <v>0</v>
      </c>
      <c r="G66" s="806"/>
      <c r="H66" s="625">
        <v>0</v>
      </c>
      <c r="I66" s="805">
        <v>0</v>
      </c>
      <c r="J66" s="806"/>
      <c r="K66" s="625">
        <v>0</v>
      </c>
      <c r="L66" s="626">
        <v>0</v>
      </c>
    </row>
    <row r="67" spans="1:12" ht="10.5" x14ac:dyDescent="0.2">
      <c r="A67" s="62" t="s">
        <v>49</v>
      </c>
      <c r="B67" s="805">
        <v>0</v>
      </c>
      <c r="C67" s="806"/>
      <c r="D67" s="805">
        <v>0</v>
      </c>
      <c r="E67" s="806"/>
      <c r="F67" s="805">
        <v>0</v>
      </c>
      <c r="G67" s="806"/>
      <c r="H67" s="625">
        <v>0</v>
      </c>
      <c r="I67" s="805">
        <v>0</v>
      </c>
      <c r="J67" s="806"/>
      <c r="K67" s="625">
        <v>0</v>
      </c>
      <c r="L67" s="626">
        <v>0</v>
      </c>
    </row>
    <row r="68" spans="1:12" ht="10.5" x14ac:dyDescent="0.2">
      <c r="A68" s="62" t="s">
        <v>34</v>
      </c>
      <c r="B68" s="805">
        <v>0</v>
      </c>
      <c r="C68" s="806"/>
      <c r="D68" s="805">
        <v>0</v>
      </c>
      <c r="E68" s="806"/>
      <c r="F68" s="805">
        <v>0</v>
      </c>
      <c r="G68" s="806"/>
      <c r="H68" s="625">
        <v>0</v>
      </c>
      <c r="I68" s="805">
        <v>0</v>
      </c>
      <c r="J68" s="806"/>
      <c r="K68" s="625">
        <v>0</v>
      </c>
      <c r="L68" s="626">
        <v>0</v>
      </c>
    </row>
    <row r="69" spans="1:12" ht="10.5" x14ac:dyDescent="0.2">
      <c r="A69" s="62" t="s">
        <v>35</v>
      </c>
      <c r="B69" s="805">
        <v>0</v>
      </c>
      <c r="C69" s="806"/>
      <c r="D69" s="805">
        <v>0</v>
      </c>
      <c r="E69" s="806"/>
      <c r="F69" s="805">
        <v>0</v>
      </c>
      <c r="G69" s="806"/>
      <c r="H69" s="625">
        <v>0</v>
      </c>
      <c r="I69" s="805">
        <v>0</v>
      </c>
      <c r="J69" s="806"/>
      <c r="K69" s="625">
        <v>0</v>
      </c>
      <c r="L69" s="626">
        <v>0</v>
      </c>
    </row>
    <row r="70" spans="1:12" ht="10.5" x14ac:dyDescent="0.2">
      <c r="A70" s="165" t="s">
        <v>50</v>
      </c>
      <c r="B70" s="805">
        <v>0</v>
      </c>
      <c r="C70" s="806"/>
      <c r="D70" s="805">
        <v>0</v>
      </c>
      <c r="E70" s="806">
        <v>0</v>
      </c>
      <c r="F70" s="805">
        <v>0</v>
      </c>
      <c r="G70" s="806"/>
      <c r="H70" s="625">
        <v>0</v>
      </c>
      <c r="I70" s="805">
        <v>0</v>
      </c>
      <c r="J70" s="806"/>
      <c r="K70" s="625">
        <v>0</v>
      </c>
      <c r="L70" s="626">
        <v>0</v>
      </c>
    </row>
    <row r="71" spans="1:12" ht="10.5" x14ac:dyDescent="0.2">
      <c r="A71" s="32" t="s">
        <v>51</v>
      </c>
      <c r="B71" s="805">
        <v>0</v>
      </c>
      <c r="C71" s="806"/>
      <c r="D71" s="805">
        <v>0</v>
      </c>
      <c r="E71" s="806"/>
      <c r="F71" s="805">
        <v>0</v>
      </c>
      <c r="G71" s="806"/>
      <c r="H71" s="625">
        <v>0</v>
      </c>
      <c r="I71" s="805">
        <v>0</v>
      </c>
      <c r="J71" s="806"/>
      <c r="K71" s="625">
        <v>0</v>
      </c>
      <c r="L71" s="626">
        <v>0</v>
      </c>
    </row>
    <row r="72" spans="1:12" ht="10.5" x14ac:dyDescent="0.2">
      <c r="A72" s="63" t="s">
        <v>52</v>
      </c>
      <c r="B72" s="805">
        <v>0</v>
      </c>
      <c r="C72" s="806"/>
      <c r="D72" s="805">
        <v>0</v>
      </c>
      <c r="E72" s="806"/>
      <c r="F72" s="805">
        <v>0</v>
      </c>
      <c r="G72" s="806"/>
      <c r="H72" s="625">
        <v>0</v>
      </c>
      <c r="I72" s="805">
        <v>0</v>
      </c>
      <c r="J72" s="806"/>
      <c r="K72" s="625">
        <v>0</v>
      </c>
      <c r="L72" s="626">
        <v>0</v>
      </c>
    </row>
    <row r="73" spans="1:12" ht="10.5" x14ac:dyDescent="0.2">
      <c r="A73" s="627" t="s">
        <v>53</v>
      </c>
      <c r="B73" s="811">
        <v>0</v>
      </c>
      <c r="C73" s="812"/>
      <c r="D73" s="811">
        <v>0</v>
      </c>
      <c r="E73" s="812"/>
      <c r="F73" s="811">
        <v>0</v>
      </c>
      <c r="G73" s="812"/>
      <c r="H73" s="628">
        <v>0</v>
      </c>
      <c r="I73" s="811">
        <v>0</v>
      </c>
      <c r="J73" s="812"/>
      <c r="K73" s="628">
        <v>0</v>
      </c>
      <c r="L73" s="629">
        <v>0</v>
      </c>
    </row>
    <row r="74" spans="1:12" ht="5.0999999999999996" customHeight="1" x14ac:dyDescent="0.2">
      <c r="F74" s="65"/>
      <c r="G74" s="65"/>
      <c r="H74" s="65"/>
      <c r="I74" s="65"/>
      <c r="J74" s="65"/>
      <c r="K74" s="65"/>
      <c r="L74" s="65"/>
    </row>
    <row r="75" spans="1:12" ht="5.0999999999999996" customHeight="1" x14ac:dyDescent="0.2">
      <c r="F75" s="65"/>
      <c r="G75" s="65"/>
      <c r="H75" s="65"/>
      <c r="I75" s="65"/>
      <c r="J75" s="65"/>
      <c r="K75" s="65"/>
      <c r="L75" s="65"/>
    </row>
    <row r="76" spans="1:12" ht="10.5" x14ac:dyDescent="0.2">
      <c r="A76" s="751" t="s">
        <v>540</v>
      </c>
      <c r="B76" s="617" t="s">
        <v>157</v>
      </c>
      <c r="C76" s="617" t="s">
        <v>157</v>
      </c>
      <c r="D76" s="733" t="s">
        <v>158</v>
      </c>
      <c r="E76" s="743"/>
      <c r="F76" s="793" t="s">
        <v>161</v>
      </c>
      <c r="G76" s="733" t="s">
        <v>159</v>
      </c>
      <c r="H76" s="734"/>
      <c r="I76" s="813" t="s">
        <v>161</v>
      </c>
      <c r="J76" s="815" t="s">
        <v>538</v>
      </c>
      <c r="K76" s="735" t="s">
        <v>639</v>
      </c>
      <c r="L76" s="736"/>
    </row>
    <row r="77" spans="1:12" ht="10.5" x14ac:dyDescent="0.2">
      <c r="A77" s="752"/>
      <c r="B77" s="618" t="s">
        <v>111</v>
      </c>
      <c r="C77" s="618" t="s">
        <v>112</v>
      </c>
      <c r="D77" s="68" t="s">
        <v>433</v>
      </c>
      <c r="E77" s="68" t="s">
        <v>434</v>
      </c>
      <c r="F77" s="794"/>
      <c r="G77" s="68" t="s">
        <v>433</v>
      </c>
      <c r="H77" s="69" t="s">
        <v>434</v>
      </c>
      <c r="I77" s="814"/>
      <c r="J77" s="816"/>
      <c r="K77" s="737"/>
      <c r="L77" s="738"/>
    </row>
    <row r="78" spans="1:12" ht="10.5" x14ac:dyDescent="0.2">
      <c r="A78" s="752"/>
      <c r="B78" s="618"/>
      <c r="C78" s="618"/>
      <c r="D78" s="69" t="s">
        <v>121</v>
      </c>
      <c r="E78" s="69" t="s">
        <v>121</v>
      </c>
      <c r="F78" s="794"/>
      <c r="G78" s="69" t="s">
        <v>121</v>
      </c>
      <c r="H78" s="69" t="s">
        <v>121</v>
      </c>
      <c r="I78" s="814"/>
      <c r="J78" s="816"/>
      <c r="K78" s="737"/>
      <c r="L78" s="738"/>
    </row>
    <row r="79" spans="1:12" s="554" customFormat="1" ht="15" customHeight="1" x14ac:dyDescent="0.2">
      <c r="A79" s="753"/>
      <c r="B79" s="551" t="s">
        <v>162</v>
      </c>
      <c r="C79" s="551" t="s">
        <v>163</v>
      </c>
      <c r="D79" s="553"/>
      <c r="E79" s="551" t="s">
        <v>233</v>
      </c>
      <c r="F79" s="552" t="s">
        <v>542</v>
      </c>
      <c r="G79" s="553"/>
      <c r="H79" s="551" t="s">
        <v>165</v>
      </c>
      <c r="I79" s="551" t="s">
        <v>543</v>
      </c>
      <c r="J79" s="551" t="s">
        <v>350</v>
      </c>
      <c r="K79" s="739"/>
      <c r="L79" s="740"/>
    </row>
    <row r="80" spans="1:12" ht="10.5" x14ac:dyDescent="0.2">
      <c r="A80" s="170" t="s">
        <v>866</v>
      </c>
      <c r="B80" s="701">
        <v>931270300</v>
      </c>
      <c r="C80" s="701">
        <v>1105784075.8700001</v>
      </c>
      <c r="D80" s="701">
        <v>315211601.90999997</v>
      </c>
      <c r="E80" s="701">
        <v>899510935.54000008</v>
      </c>
      <c r="F80" s="701">
        <v>206273140.33000004</v>
      </c>
      <c r="G80" s="701">
        <v>250887602.31999999</v>
      </c>
      <c r="H80" s="701">
        <v>734375187</v>
      </c>
      <c r="I80" s="701">
        <v>371408888.87000012</v>
      </c>
      <c r="J80" s="701">
        <v>649550074.13</v>
      </c>
      <c r="K80" s="817">
        <v>0</v>
      </c>
      <c r="L80" s="818"/>
    </row>
    <row r="81" spans="1:12" ht="10.5" x14ac:dyDescent="0.2">
      <c r="A81" s="71" t="s">
        <v>86</v>
      </c>
      <c r="B81" s="701">
        <v>931270300</v>
      </c>
      <c r="C81" s="701">
        <v>1105784075.8700001</v>
      </c>
      <c r="D81" s="701">
        <v>315211601.90999997</v>
      </c>
      <c r="E81" s="701">
        <v>899510935.54000008</v>
      </c>
      <c r="F81" s="701">
        <v>206273140.33000001</v>
      </c>
      <c r="G81" s="701">
        <v>250887602.31999999</v>
      </c>
      <c r="H81" s="701">
        <v>734375187</v>
      </c>
      <c r="I81" s="701">
        <v>371408888.87000006</v>
      </c>
      <c r="J81" s="701">
        <v>649550074.13</v>
      </c>
      <c r="K81" s="731">
        <v>0</v>
      </c>
      <c r="L81" s="732"/>
    </row>
    <row r="82" spans="1:12" s="51" customFormat="1" ht="10.5" x14ac:dyDescent="0.2">
      <c r="A82" s="71" t="s">
        <v>87</v>
      </c>
      <c r="B82" s="337">
        <v>710980400</v>
      </c>
      <c r="C82" s="337">
        <v>849788219.19000006</v>
      </c>
      <c r="D82" s="337">
        <v>255522357.47</v>
      </c>
      <c r="E82" s="337">
        <v>692006534.21000004</v>
      </c>
      <c r="F82" s="337">
        <v>157781684.98000002</v>
      </c>
      <c r="G82" s="338">
        <v>190719155.90000001</v>
      </c>
      <c r="H82" s="338">
        <v>554064816.38</v>
      </c>
      <c r="I82" s="338">
        <v>295723402.81000006</v>
      </c>
      <c r="J82" s="337">
        <v>488472075.57999998</v>
      </c>
      <c r="K82" s="731"/>
      <c r="L82" s="732"/>
    </row>
    <row r="83" spans="1:12" ht="10.5" x14ac:dyDescent="0.2">
      <c r="A83" s="71" t="s">
        <v>88</v>
      </c>
      <c r="B83" s="337">
        <v>0</v>
      </c>
      <c r="C83" s="337">
        <v>0</v>
      </c>
      <c r="D83" s="337">
        <v>0</v>
      </c>
      <c r="E83" s="337">
        <v>0</v>
      </c>
      <c r="F83" s="337">
        <v>0</v>
      </c>
      <c r="G83" s="338">
        <v>0</v>
      </c>
      <c r="H83" s="338">
        <v>0</v>
      </c>
      <c r="I83" s="338">
        <v>0</v>
      </c>
      <c r="J83" s="337">
        <v>0</v>
      </c>
      <c r="K83" s="731"/>
      <c r="L83" s="732"/>
    </row>
    <row r="84" spans="1:12" ht="10.5" x14ac:dyDescent="0.2">
      <c r="A84" s="71" t="s">
        <v>89</v>
      </c>
      <c r="B84" s="436">
        <v>220289900</v>
      </c>
      <c r="C84" s="436">
        <v>255995856.68000001</v>
      </c>
      <c r="D84" s="436">
        <v>59689244.439999998</v>
      </c>
      <c r="E84" s="436">
        <v>207504401.33000001</v>
      </c>
      <c r="F84" s="436">
        <v>48491455.349999994</v>
      </c>
      <c r="G84" s="436">
        <v>60168446.420000002</v>
      </c>
      <c r="H84" s="436">
        <v>180310370.62</v>
      </c>
      <c r="I84" s="436">
        <v>75685486.060000002</v>
      </c>
      <c r="J84" s="436">
        <v>161077998.55000001</v>
      </c>
      <c r="K84" s="731">
        <v>0</v>
      </c>
      <c r="L84" s="732"/>
    </row>
    <row r="85" spans="1:12" ht="10.5" x14ac:dyDescent="0.2">
      <c r="A85" s="72" t="s">
        <v>738</v>
      </c>
      <c r="B85" s="337">
        <v>0</v>
      </c>
      <c r="C85" s="337">
        <v>0</v>
      </c>
      <c r="D85" s="337">
        <v>0</v>
      </c>
      <c r="E85" s="337">
        <v>0</v>
      </c>
      <c r="F85" s="337">
        <v>0</v>
      </c>
      <c r="G85" s="338">
        <v>0</v>
      </c>
      <c r="H85" s="338">
        <v>0</v>
      </c>
      <c r="I85" s="338">
        <v>0</v>
      </c>
      <c r="J85" s="337">
        <v>0</v>
      </c>
      <c r="K85" s="731"/>
      <c r="L85" s="732"/>
    </row>
    <row r="86" spans="1:12" ht="10.5" x14ac:dyDescent="0.2">
      <c r="A86" s="72" t="s">
        <v>739</v>
      </c>
      <c r="B86" s="337">
        <v>220289900</v>
      </c>
      <c r="C86" s="337">
        <v>255995856.68000001</v>
      </c>
      <c r="D86" s="337">
        <v>59689244.439999998</v>
      </c>
      <c r="E86" s="337">
        <v>207504401.33000001</v>
      </c>
      <c r="F86" s="337">
        <v>48491455.349999994</v>
      </c>
      <c r="G86" s="338">
        <v>60168446.420000002</v>
      </c>
      <c r="H86" s="338">
        <v>180310370.62</v>
      </c>
      <c r="I86" s="338">
        <v>75685486.060000002</v>
      </c>
      <c r="J86" s="337">
        <v>161077998.55000001</v>
      </c>
      <c r="K86" s="731"/>
      <c r="L86" s="732"/>
    </row>
    <row r="87" spans="1:12" s="51" customFormat="1" ht="10.5" x14ac:dyDescent="0.2">
      <c r="A87" s="71" t="s">
        <v>90</v>
      </c>
      <c r="B87" s="436">
        <v>0</v>
      </c>
      <c r="C87" s="436">
        <v>0</v>
      </c>
      <c r="D87" s="436">
        <v>0</v>
      </c>
      <c r="E87" s="436">
        <v>0</v>
      </c>
      <c r="F87" s="436">
        <v>0</v>
      </c>
      <c r="G87" s="436">
        <v>0</v>
      </c>
      <c r="H87" s="436">
        <v>0</v>
      </c>
      <c r="I87" s="436">
        <v>0</v>
      </c>
      <c r="J87" s="436">
        <v>0</v>
      </c>
      <c r="K87" s="731">
        <v>0</v>
      </c>
      <c r="L87" s="732"/>
    </row>
    <row r="88" spans="1:12" ht="10.5" x14ac:dyDescent="0.2">
      <c r="A88" s="65" t="s">
        <v>91</v>
      </c>
      <c r="B88" s="337">
        <v>0</v>
      </c>
      <c r="C88" s="337">
        <v>0</v>
      </c>
      <c r="D88" s="337">
        <v>0</v>
      </c>
      <c r="E88" s="337">
        <v>0</v>
      </c>
      <c r="F88" s="337">
        <v>0</v>
      </c>
      <c r="G88" s="338">
        <v>0</v>
      </c>
      <c r="H88" s="338">
        <v>0</v>
      </c>
      <c r="I88" s="338">
        <v>0</v>
      </c>
      <c r="J88" s="337">
        <v>0</v>
      </c>
      <c r="K88" s="731"/>
      <c r="L88" s="732"/>
    </row>
    <row r="89" spans="1:12" ht="10.5" x14ac:dyDescent="0.2">
      <c r="A89" s="65" t="s">
        <v>92</v>
      </c>
      <c r="B89" s="337">
        <v>0</v>
      </c>
      <c r="C89" s="337">
        <v>0</v>
      </c>
      <c r="D89" s="337">
        <v>0</v>
      </c>
      <c r="E89" s="337">
        <v>0</v>
      </c>
      <c r="F89" s="337">
        <v>0</v>
      </c>
      <c r="G89" s="338">
        <v>0</v>
      </c>
      <c r="H89" s="338">
        <v>0</v>
      </c>
      <c r="I89" s="338">
        <v>0</v>
      </c>
      <c r="J89" s="337">
        <v>0</v>
      </c>
      <c r="K89" s="731"/>
      <c r="L89" s="732"/>
    </row>
    <row r="90" spans="1:12" ht="10.5" x14ac:dyDescent="0.2">
      <c r="A90" s="65" t="s">
        <v>93</v>
      </c>
      <c r="B90" s="337">
        <v>0</v>
      </c>
      <c r="C90" s="337">
        <v>0</v>
      </c>
      <c r="D90" s="337">
        <v>0</v>
      </c>
      <c r="E90" s="337">
        <v>0</v>
      </c>
      <c r="F90" s="337">
        <v>0</v>
      </c>
      <c r="G90" s="338">
        <v>0</v>
      </c>
      <c r="H90" s="338">
        <v>0</v>
      </c>
      <c r="I90" s="338">
        <v>0</v>
      </c>
      <c r="J90" s="337">
        <v>0</v>
      </c>
      <c r="K90" s="760"/>
      <c r="L90" s="761"/>
    </row>
    <row r="91" spans="1:12" ht="10.5" x14ac:dyDescent="0.2">
      <c r="A91" s="83" t="s">
        <v>863</v>
      </c>
      <c r="B91" s="173"/>
      <c r="C91" s="173"/>
      <c r="D91" s="173"/>
      <c r="E91" s="173"/>
      <c r="F91" s="173"/>
      <c r="G91" s="173"/>
      <c r="H91" s="173"/>
      <c r="I91" s="650"/>
      <c r="J91" s="173"/>
      <c r="K91" s="173"/>
    </row>
    <row r="92" spans="1:12" ht="10.5" x14ac:dyDescent="0.2">
      <c r="D92" s="225"/>
      <c r="I92" s="225"/>
      <c r="J92" s="225"/>
    </row>
    <row r="93" spans="1:12" ht="10.5" x14ac:dyDescent="0.2">
      <c r="D93" s="225"/>
      <c r="J93" s="225"/>
    </row>
    <row r="94" spans="1:12" ht="10.5" x14ac:dyDescent="0.2">
      <c r="D94" s="225"/>
    </row>
  </sheetData>
  <customSheetViews>
    <customSheetView guid="{82EDB5A4-4824-4632-A540-7A52C92F04C7}" scale="90" showPageBreaks="1" showGridLines="0" fitToPage="1" printArea="1" topLeftCell="B64">
      <selection activeCell="J84" sqref="J84"/>
      <pageMargins left="0.19685039370078741" right="0.19685039370078741" top="0.39370078740157483" bottom="0.19685039370078741" header="0" footer="0"/>
      <printOptions horizontalCentered="1"/>
      <pageSetup paperSize="9" scale="41" orientation="portrait" r:id="rId1"/>
    </customSheetView>
    <customSheetView guid="{3AAF6A5F-F9AA-430B-9AD9-1261ECDF41B5}" showPageBreaks="1" showGridLines="0" fitToPage="1" topLeftCell="B70">
      <selection activeCell="I81" sqref="I81"/>
      <pageMargins left="0.19685039370078741" right="0.19685039370078741" top="0.19685039370078741" bottom="0.19685039370078741" header="0" footer="0"/>
      <printOptions horizontalCentered="1"/>
      <pageSetup paperSize="9" scale="41" orientation="portrait" r:id="rId2"/>
    </customSheetView>
    <customSheetView guid="{6DBFA32C-4AA4-4E1D-9A48-697377C64CC3}" showPageBreaks="1" showGridLines="0" fitToPage="1" printArea="1">
      <selection activeCell="A6" sqref="A6:L6"/>
      <pageMargins left="0.19685039370078741" right="0.19685039370078741" top="0.39370078740157483" bottom="0.19685039370078741" header="0" footer="0"/>
      <printOptions horizontalCentered="1"/>
      <pageSetup paperSize="9" scale="41" orientation="portrait" r:id="rId3"/>
    </customSheetView>
    <customSheetView guid="{25EF1E0D-169B-4051-B414-7E1196FC05E4}" showPageBreaks="1" showGridLines="0" fitToPage="1" topLeftCell="B67">
      <selection activeCell="J87" sqref="J87"/>
      <pageMargins left="0.19685039370078741" right="0.19685039370078741" top="0.19685039370078741" bottom="0.19685039370078741" header="0" footer="0"/>
      <printOptions horizontalCentered="1"/>
      <pageSetup paperSize="9" scale="41" orientation="portrait" r:id="rId4"/>
    </customSheetView>
    <customSheetView guid="{C779D862-DE28-46CD-A428-4AAA1056D1E1}" showPageBreaks="1" showGridLines="0" fitToPage="1" printArea="1" topLeftCell="A49">
      <selection activeCell="D56" sqref="D56:E56"/>
      <pageMargins left="0.19685039370078741" right="0.19685039370078741" top="0.39370078740157483" bottom="0.19685039370078741" header="0" footer="0"/>
      <printOptions horizontalCentered="1"/>
      <pageSetup paperSize="9" scale="41" orientation="portrait" r:id="rId5"/>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59055118110236227" bottom="0.19685039370078741" header="0" footer="0"/>
  <pageSetup paperSize="9" scale="42"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pageSetUpPr fitToPage="1"/>
  </sheetPr>
  <dimension ref="A1:M190"/>
  <sheetViews>
    <sheetView showGridLines="0" zoomScaleNormal="100" workbookViewId="0"/>
  </sheetViews>
  <sheetFormatPr defaultColWidth="9.140625" defaultRowHeight="11.25" customHeight="1" x14ac:dyDescent="0.2"/>
  <cols>
    <col min="1" max="1" width="45.28515625" style="65" customWidth="1"/>
    <col min="2" max="2" width="21.140625" style="52" customWidth="1"/>
    <col min="3" max="3" width="19.7109375" style="52" customWidth="1"/>
    <col min="4" max="4" width="19.28515625" style="52" customWidth="1"/>
    <col min="5" max="5" width="19.7109375" style="52" customWidth="1"/>
    <col min="6" max="6" width="10.7109375" style="52" customWidth="1"/>
    <col min="7" max="8" width="18.7109375" style="52" customWidth="1"/>
    <col min="9" max="9" width="20.140625" style="52" bestFit="1" customWidth="1"/>
    <col min="10" max="10" width="10.7109375" style="52" customWidth="1"/>
    <col min="11" max="11" width="20.5703125" style="52" customWidth="1"/>
    <col min="12" max="12" width="16.42578125" style="52" customWidth="1"/>
    <col min="13" max="13" width="15.42578125" style="240" customWidth="1"/>
    <col min="14" max="14" width="15.42578125" style="209" customWidth="1"/>
    <col min="15" max="15" width="22" style="209" customWidth="1"/>
    <col min="16" max="16" width="13.42578125" style="209" customWidth="1"/>
    <col min="17" max="16384" width="9.140625" style="209"/>
  </cols>
  <sheetData>
    <row r="1" spans="1:13" s="29" customFormat="1" ht="10.5" x14ac:dyDescent="0.2">
      <c r="A1" s="144"/>
      <c r="M1" s="128"/>
    </row>
    <row r="2" spans="1:13" s="29" customFormat="1" ht="11.25" customHeight="1" x14ac:dyDescent="0.2">
      <c r="A2" s="144"/>
      <c r="M2" s="128"/>
    </row>
    <row r="3" spans="1:13" s="52" customFormat="1" ht="10.5" x14ac:dyDescent="0.2">
      <c r="A3" s="762" t="s">
        <v>641</v>
      </c>
      <c r="B3" s="762"/>
      <c r="C3" s="762"/>
      <c r="D3" s="762"/>
      <c r="E3" s="762"/>
      <c r="F3" s="762"/>
      <c r="G3" s="762"/>
      <c r="H3" s="762"/>
      <c r="I3" s="762"/>
      <c r="J3" s="762"/>
      <c r="K3" s="762"/>
      <c r="L3" s="762"/>
      <c r="M3" s="65"/>
    </row>
    <row r="4" spans="1:13" s="52" customFormat="1" ht="10.5" x14ac:dyDescent="0.2">
      <c r="A4" s="762" t="s">
        <v>105</v>
      </c>
      <c r="B4" s="762"/>
      <c r="C4" s="762"/>
      <c r="D4" s="762"/>
      <c r="E4" s="762"/>
      <c r="F4" s="762"/>
      <c r="G4" s="762"/>
      <c r="H4" s="762"/>
      <c r="I4" s="762"/>
      <c r="J4" s="762"/>
      <c r="K4" s="762"/>
      <c r="L4" s="762"/>
      <c r="M4" s="65"/>
    </row>
    <row r="5" spans="1:13" s="52" customFormat="1" ht="10.5" x14ac:dyDescent="0.2">
      <c r="A5" s="762" t="s">
        <v>168</v>
      </c>
      <c r="B5" s="762"/>
      <c r="C5" s="762"/>
      <c r="D5" s="762"/>
      <c r="E5" s="762"/>
      <c r="F5" s="762"/>
      <c r="G5" s="762"/>
      <c r="H5" s="762"/>
      <c r="I5" s="762"/>
      <c r="J5" s="762"/>
      <c r="K5" s="762"/>
      <c r="L5" s="762"/>
      <c r="M5" s="65"/>
    </row>
    <row r="6" spans="1:13" s="52" customFormat="1" ht="10.5" x14ac:dyDescent="0.2">
      <c r="A6" s="762" t="s">
        <v>107</v>
      </c>
      <c r="B6" s="762"/>
      <c r="C6" s="762"/>
      <c r="D6" s="762"/>
      <c r="E6" s="762"/>
      <c r="F6" s="762"/>
      <c r="G6" s="762"/>
      <c r="H6" s="762"/>
      <c r="I6" s="762"/>
      <c r="J6" s="762"/>
      <c r="K6" s="762"/>
      <c r="L6" s="762"/>
      <c r="M6" s="65"/>
    </row>
    <row r="7" spans="1:13" s="52" customFormat="1" ht="10.5" x14ac:dyDescent="0.2">
      <c r="A7" s="762" t="s">
        <v>874</v>
      </c>
      <c r="B7" s="762"/>
      <c r="C7" s="762"/>
      <c r="D7" s="762"/>
      <c r="E7" s="762"/>
      <c r="F7" s="762"/>
      <c r="G7" s="762"/>
      <c r="H7" s="762"/>
      <c r="I7" s="762"/>
      <c r="J7" s="762"/>
      <c r="K7" s="762"/>
      <c r="L7" s="762"/>
      <c r="M7" s="65"/>
    </row>
    <row r="8" spans="1:13" s="29" customFormat="1" ht="10.5" x14ac:dyDescent="0.2">
      <c r="A8" s="34"/>
      <c r="B8" s="53"/>
      <c r="C8" s="53"/>
      <c r="D8" s="53"/>
      <c r="E8" s="53"/>
      <c r="F8" s="53"/>
      <c r="G8" s="53"/>
      <c r="H8" s="53"/>
      <c r="I8" s="53"/>
      <c r="J8" s="53"/>
      <c r="K8" s="53"/>
      <c r="L8" s="53"/>
      <c r="M8" s="128"/>
    </row>
    <row r="9" spans="1:13" s="29" customFormat="1" ht="10.5" x14ac:dyDescent="0.2">
      <c r="A9" s="128" t="s">
        <v>364</v>
      </c>
      <c r="B9" s="128"/>
      <c r="L9" s="251">
        <v>1</v>
      </c>
      <c r="M9" s="128"/>
    </row>
    <row r="10" spans="1:13" ht="20.100000000000001" customHeight="1" x14ac:dyDescent="0.2">
      <c r="A10" s="125"/>
      <c r="B10" s="205" t="s">
        <v>157</v>
      </c>
      <c r="C10" s="205" t="s">
        <v>157</v>
      </c>
      <c r="D10" s="771" t="s">
        <v>158</v>
      </c>
      <c r="E10" s="772"/>
      <c r="F10" s="773"/>
      <c r="G10" s="793" t="s">
        <v>161</v>
      </c>
      <c r="H10" s="820" t="s">
        <v>159</v>
      </c>
      <c r="I10" s="821"/>
      <c r="J10" s="822"/>
      <c r="K10" s="793" t="s">
        <v>161</v>
      </c>
      <c r="L10" s="735" t="s">
        <v>881</v>
      </c>
    </row>
    <row r="11" spans="1:13" ht="20.100000000000001" customHeight="1" x14ac:dyDescent="0.15">
      <c r="A11" s="646" t="s">
        <v>169</v>
      </c>
      <c r="B11" s="207" t="s">
        <v>111</v>
      </c>
      <c r="C11" s="207" t="s">
        <v>112</v>
      </c>
      <c r="D11" s="823" t="s">
        <v>113</v>
      </c>
      <c r="E11" s="221" t="s">
        <v>115</v>
      </c>
      <c r="F11" s="221" t="s">
        <v>114</v>
      </c>
      <c r="G11" s="794"/>
      <c r="H11" s="823" t="s">
        <v>113</v>
      </c>
      <c r="I11" s="221" t="s">
        <v>115</v>
      </c>
      <c r="J11" s="221" t="s">
        <v>114</v>
      </c>
      <c r="K11" s="794"/>
      <c r="L11" s="737"/>
    </row>
    <row r="12" spans="1:13" s="20" customFormat="1" ht="20.100000000000001" customHeight="1" x14ac:dyDescent="0.2">
      <c r="A12" s="57"/>
      <c r="B12" s="126"/>
      <c r="C12" s="556" t="s">
        <v>116</v>
      </c>
      <c r="D12" s="824"/>
      <c r="E12" s="556" t="s">
        <v>117</v>
      </c>
      <c r="F12" s="556" t="s">
        <v>59</v>
      </c>
      <c r="G12" s="557" t="s">
        <v>280</v>
      </c>
      <c r="H12" s="824"/>
      <c r="I12" s="556" t="s">
        <v>162</v>
      </c>
      <c r="J12" s="556" t="s">
        <v>545</v>
      </c>
      <c r="K12" s="557" t="s">
        <v>544</v>
      </c>
      <c r="L12" s="739"/>
      <c r="M12" s="561"/>
    </row>
    <row r="13" spans="1:13" s="20" customFormat="1" ht="15" customHeight="1" x14ac:dyDescent="0.2">
      <c r="A13" s="159" t="s">
        <v>220</v>
      </c>
      <c r="B13" s="344">
        <v>12125839700</v>
      </c>
      <c r="C13" s="344">
        <v>12545374363.129999</v>
      </c>
      <c r="D13" s="344">
        <v>4027338603.52</v>
      </c>
      <c r="E13" s="344">
        <v>8601653834.9900036</v>
      </c>
      <c r="F13" s="344">
        <v>90.532624606932046</v>
      </c>
      <c r="G13" s="344">
        <v>3943720528.1399999</v>
      </c>
      <c r="H13" s="344">
        <v>2031523976.3799999</v>
      </c>
      <c r="I13" s="344">
        <v>5592025664.0500011</v>
      </c>
      <c r="J13" s="344">
        <v>88.391896051320956</v>
      </c>
      <c r="K13" s="344">
        <v>6953348699.0799999</v>
      </c>
      <c r="L13" s="354"/>
      <c r="M13" s="561"/>
    </row>
    <row r="14" spans="1:13" s="20" customFormat="1" ht="10.5" x14ac:dyDescent="0.2">
      <c r="A14" s="159"/>
      <c r="B14" s="337"/>
      <c r="C14" s="337"/>
      <c r="D14" s="436"/>
      <c r="E14" s="436"/>
      <c r="F14" s="457"/>
      <c r="G14" s="436"/>
      <c r="H14" s="436"/>
      <c r="I14" s="436"/>
      <c r="J14" s="458"/>
      <c r="K14" s="457"/>
      <c r="L14" s="458"/>
      <c r="M14" s="561"/>
    </row>
    <row r="15" spans="1:13" s="206" customFormat="1" ht="10.5" x14ac:dyDescent="0.2">
      <c r="A15" s="159" t="s">
        <v>642</v>
      </c>
      <c r="B15" s="344">
        <v>336717000</v>
      </c>
      <c r="C15" s="344">
        <v>338117000</v>
      </c>
      <c r="D15" s="344">
        <v>27272676.25</v>
      </c>
      <c r="E15" s="344">
        <v>228472246.91000003</v>
      </c>
      <c r="F15" s="344">
        <v>2.404676188951675</v>
      </c>
      <c r="G15" s="344">
        <v>109644753.08999999</v>
      </c>
      <c r="H15" s="344">
        <v>51898682.00999999</v>
      </c>
      <c r="I15" s="344">
        <v>156099760.11000001</v>
      </c>
      <c r="J15" s="344">
        <v>2.4674339136144354</v>
      </c>
      <c r="K15" s="344">
        <v>182017239.88999999</v>
      </c>
      <c r="L15" s="354"/>
      <c r="M15" s="562"/>
    </row>
    <row r="16" spans="1:13" s="301" customFormat="1" ht="10.5" customHeight="1" x14ac:dyDescent="0.2">
      <c r="A16" s="648" t="s">
        <v>643</v>
      </c>
      <c r="B16" s="437">
        <v>191424000</v>
      </c>
      <c r="C16" s="337">
        <v>191424000</v>
      </c>
      <c r="D16" s="337">
        <v>19771234.48</v>
      </c>
      <c r="E16" s="337">
        <v>112472305.99000001</v>
      </c>
      <c r="F16" s="337">
        <v>1.1837738709558869</v>
      </c>
      <c r="G16" s="337">
        <v>78951694.00999999</v>
      </c>
      <c r="H16" s="337">
        <v>29174100.450000003</v>
      </c>
      <c r="I16" s="337">
        <v>88702345.079999983</v>
      </c>
      <c r="J16" s="337">
        <v>1.4020980833877756</v>
      </c>
      <c r="K16" s="337">
        <v>102721654.92000002</v>
      </c>
      <c r="L16" s="338"/>
      <c r="M16" s="240"/>
    </row>
    <row r="17" spans="1:13" s="301" customFormat="1" ht="10.5" customHeight="1" x14ac:dyDescent="0.2">
      <c r="A17" s="648" t="s">
        <v>644</v>
      </c>
      <c r="B17" s="437">
        <v>145293000</v>
      </c>
      <c r="C17" s="337">
        <v>146693000</v>
      </c>
      <c r="D17" s="337">
        <v>7501441.7699999996</v>
      </c>
      <c r="E17" s="337">
        <v>115999940.92</v>
      </c>
      <c r="F17" s="337">
        <v>1.2209023179957881</v>
      </c>
      <c r="G17" s="337">
        <v>30693059.079999998</v>
      </c>
      <c r="H17" s="337">
        <v>22724581.559999987</v>
      </c>
      <c r="I17" s="337">
        <v>67397415.030000046</v>
      </c>
      <c r="J17" s="337">
        <v>1.0653358302266607</v>
      </c>
      <c r="K17" s="337">
        <v>79295584.969999954</v>
      </c>
      <c r="L17" s="338"/>
      <c r="M17" s="240"/>
    </row>
    <row r="18" spans="1:13" ht="10.5" x14ac:dyDescent="0.2">
      <c r="A18" s="648"/>
      <c r="B18" s="437"/>
      <c r="C18" s="344"/>
      <c r="D18" s="344"/>
      <c r="E18" s="344"/>
      <c r="F18" s="344"/>
      <c r="G18" s="344"/>
      <c r="H18" s="344"/>
      <c r="I18" s="344"/>
      <c r="J18" s="344"/>
      <c r="K18" s="344"/>
      <c r="L18" s="354"/>
    </row>
    <row r="19" spans="1:13" s="75" customFormat="1" ht="10.5" x14ac:dyDescent="0.2">
      <c r="A19" s="159" t="s">
        <v>645</v>
      </c>
      <c r="B19" s="344">
        <v>576015000</v>
      </c>
      <c r="C19" s="344">
        <v>610899500</v>
      </c>
      <c r="D19" s="344">
        <v>24394765.530000005</v>
      </c>
      <c r="E19" s="344">
        <v>511798541.64000028</v>
      </c>
      <c r="F19" s="344">
        <v>5.3866926213874162</v>
      </c>
      <c r="G19" s="344">
        <v>99100958.359999761</v>
      </c>
      <c r="H19" s="344">
        <v>87863721.389999911</v>
      </c>
      <c r="I19" s="344">
        <v>297861986.43999994</v>
      </c>
      <c r="J19" s="344">
        <v>4.7082376449567436</v>
      </c>
      <c r="K19" s="344">
        <v>313037513.56000006</v>
      </c>
      <c r="L19" s="354"/>
      <c r="M19" s="819"/>
    </row>
    <row r="20" spans="1:13" s="301" customFormat="1" ht="10.5" x14ac:dyDescent="0.2">
      <c r="A20" s="648" t="s">
        <v>646</v>
      </c>
      <c r="B20" s="337">
        <v>564705000</v>
      </c>
      <c r="C20" s="337">
        <v>599589500</v>
      </c>
      <c r="D20" s="337">
        <v>25111410.100000001</v>
      </c>
      <c r="E20" s="337">
        <v>507531207.00000024</v>
      </c>
      <c r="F20" s="337">
        <v>5.3417788161533872</v>
      </c>
      <c r="G20" s="337">
        <v>92058292.999999762</v>
      </c>
      <c r="H20" s="337">
        <v>87085203.339999914</v>
      </c>
      <c r="I20" s="337">
        <v>296068237.46999991</v>
      </c>
      <c r="J20" s="337">
        <v>4.6798842571105981</v>
      </c>
      <c r="K20" s="337">
        <v>303521262.53000009</v>
      </c>
      <c r="L20" s="338"/>
      <c r="M20" s="819"/>
    </row>
    <row r="21" spans="1:13" s="301" customFormat="1" ht="10.5" x14ac:dyDescent="0.2">
      <c r="A21" s="648" t="s">
        <v>654</v>
      </c>
      <c r="B21" s="337">
        <v>0</v>
      </c>
      <c r="C21" s="337">
        <v>0</v>
      </c>
      <c r="D21" s="337">
        <v>0</v>
      </c>
      <c r="E21" s="337">
        <v>0</v>
      </c>
      <c r="F21" s="337">
        <v>0</v>
      </c>
      <c r="G21" s="337">
        <v>0</v>
      </c>
      <c r="H21" s="337">
        <v>0</v>
      </c>
      <c r="I21" s="337">
        <v>0</v>
      </c>
      <c r="J21" s="337">
        <v>0</v>
      </c>
      <c r="K21" s="337">
        <v>0</v>
      </c>
      <c r="L21" s="338"/>
      <c r="M21" s="819"/>
    </row>
    <row r="22" spans="1:13" s="301" customFormat="1" ht="10.5" x14ac:dyDescent="0.2">
      <c r="A22" s="648" t="s">
        <v>811</v>
      </c>
      <c r="B22" s="337">
        <v>9229000</v>
      </c>
      <c r="C22" s="337">
        <v>9229000</v>
      </c>
      <c r="D22" s="337">
        <v>-884836.23999999987</v>
      </c>
      <c r="E22" s="337">
        <v>3467245.85</v>
      </c>
      <c r="F22" s="337">
        <v>3.6492850442447253E-2</v>
      </c>
      <c r="G22" s="337">
        <v>5761754.1500000004</v>
      </c>
      <c r="H22" s="337">
        <v>617894.34000000008</v>
      </c>
      <c r="I22" s="337">
        <v>1450288.7200000002</v>
      </c>
      <c r="J22" s="337">
        <v>2.2924388671313703E-2</v>
      </c>
      <c r="K22" s="337">
        <v>7778711.2799999993</v>
      </c>
      <c r="L22" s="338"/>
      <c r="M22" s="590"/>
    </row>
    <row r="23" spans="1:13" s="301" customFormat="1" ht="10.5" x14ac:dyDescent="0.2">
      <c r="A23" s="648" t="s">
        <v>750</v>
      </c>
      <c r="B23" s="337">
        <v>2081000</v>
      </c>
      <c r="C23" s="337">
        <v>2081000</v>
      </c>
      <c r="D23" s="337">
        <v>168191.67</v>
      </c>
      <c r="E23" s="337">
        <v>800088.79</v>
      </c>
      <c r="F23" s="337">
        <v>8.4209547915815031E-3</v>
      </c>
      <c r="G23" s="337">
        <v>1280911.21</v>
      </c>
      <c r="H23" s="337">
        <v>160623.71</v>
      </c>
      <c r="I23" s="337">
        <v>343460.25</v>
      </c>
      <c r="J23" s="337">
        <v>5.4289991748309062E-3</v>
      </c>
      <c r="K23" s="337">
        <v>1737539.75</v>
      </c>
      <c r="L23" s="338"/>
      <c r="M23" s="240"/>
    </row>
    <row r="24" spans="1:13" ht="10.5" x14ac:dyDescent="0.2">
      <c r="A24" s="648"/>
      <c r="B24" s="337"/>
      <c r="C24" s="344"/>
      <c r="D24" s="344"/>
      <c r="E24" s="344"/>
      <c r="F24" s="344"/>
      <c r="G24" s="344"/>
      <c r="H24" s="344"/>
      <c r="I24" s="344"/>
      <c r="J24" s="344"/>
      <c r="K24" s="344"/>
      <c r="L24" s="354"/>
    </row>
    <row r="25" spans="1:13" s="75" customFormat="1" ht="10.5" x14ac:dyDescent="0.2">
      <c r="A25" s="180" t="s">
        <v>751</v>
      </c>
      <c r="B25" s="344">
        <v>423182600</v>
      </c>
      <c r="C25" s="344">
        <v>428451100</v>
      </c>
      <c r="D25" s="344">
        <v>67583481.099999994</v>
      </c>
      <c r="E25" s="344">
        <v>197440519.1099999</v>
      </c>
      <c r="F25" s="344">
        <v>2.078066467412564</v>
      </c>
      <c r="G25" s="344">
        <v>231010580.8900001</v>
      </c>
      <c r="H25" s="344">
        <v>66206488.079999976</v>
      </c>
      <c r="I25" s="344">
        <v>190130396.38000005</v>
      </c>
      <c r="J25" s="344">
        <v>3.0053485521462626</v>
      </c>
      <c r="K25" s="344">
        <v>238320703.61999997</v>
      </c>
      <c r="L25" s="354"/>
      <c r="M25" s="174"/>
    </row>
    <row r="26" spans="1:13" s="75" customFormat="1" ht="10.5" x14ac:dyDescent="0.2">
      <c r="A26" s="648" t="s">
        <v>646</v>
      </c>
      <c r="B26" s="337">
        <v>3610000</v>
      </c>
      <c r="C26" s="337">
        <v>3610000</v>
      </c>
      <c r="D26" s="337">
        <v>286.39999999999998</v>
      </c>
      <c r="E26" s="337">
        <v>73977.700000000012</v>
      </c>
      <c r="F26" s="436">
        <v>7.7861716733361431E-4</v>
      </c>
      <c r="G26" s="337">
        <v>3536022.3</v>
      </c>
      <c r="H26" s="337">
        <v>19660.099999999999</v>
      </c>
      <c r="I26" s="337">
        <v>50681.200000000004</v>
      </c>
      <c r="J26" s="436">
        <v>8.0110636668854747E-4</v>
      </c>
      <c r="K26" s="337">
        <v>3559318.8</v>
      </c>
      <c r="L26" s="338"/>
      <c r="M26" s="174"/>
    </row>
    <row r="27" spans="1:13" s="301" customFormat="1" ht="10.5" x14ac:dyDescent="0.2">
      <c r="A27" s="648" t="s">
        <v>647</v>
      </c>
      <c r="B27" s="452">
        <v>253315600</v>
      </c>
      <c r="C27" s="337">
        <v>253315600</v>
      </c>
      <c r="D27" s="337">
        <v>39751733.440000005</v>
      </c>
      <c r="E27" s="337">
        <v>113811589.2099999</v>
      </c>
      <c r="F27" s="337">
        <v>1.1978698607881437</v>
      </c>
      <c r="G27" s="337">
        <v>139504010.79000008</v>
      </c>
      <c r="H27" s="337">
        <v>39843602.329999976</v>
      </c>
      <c r="I27" s="337">
        <v>111218476.27000004</v>
      </c>
      <c r="J27" s="337">
        <v>1.7580055214417998</v>
      </c>
      <c r="K27" s="337">
        <v>142097123.72999996</v>
      </c>
      <c r="L27" s="338"/>
      <c r="M27" s="240"/>
    </row>
    <row r="28" spans="1:13" s="301" customFormat="1" ht="10.5" x14ac:dyDescent="0.2">
      <c r="A28" s="648" t="s">
        <v>648</v>
      </c>
      <c r="B28" s="337">
        <v>43485000</v>
      </c>
      <c r="C28" s="337">
        <v>44053500</v>
      </c>
      <c r="D28" s="337">
        <v>6801521.0000000009</v>
      </c>
      <c r="E28" s="337">
        <v>21387478.200000014</v>
      </c>
      <c r="F28" s="337">
        <v>0.22510375008270653</v>
      </c>
      <c r="G28" s="337">
        <v>22666021.799999986</v>
      </c>
      <c r="H28" s="337">
        <v>6699850.8600000013</v>
      </c>
      <c r="I28" s="337">
        <v>19930464.500000011</v>
      </c>
      <c r="J28" s="337">
        <v>0.31503638433995412</v>
      </c>
      <c r="K28" s="337">
        <v>24123035.499999989</v>
      </c>
      <c r="L28" s="338"/>
      <c r="M28" s="240"/>
    </row>
    <row r="29" spans="1:13" s="301" customFormat="1" ht="10.5" x14ac:dyDescent="0.2">
      <c r="A29" s="648" t="s">
        <v>651</v>
      </c>
      <c r="B29" s="337">
        <v>358000</v>
      </c>
      <c r="C29" s="337">
        <v>358000</v>
      </c>
      <c r="D29" s="337">
        <v>5388</v>
      </c>
      <c r="E29" s="337">
        <v>157129.94</v>
      </c>
      <c r="F29" s="337">
        <v>1.6537966006796747E-3</v>
      </c>
      <c r="G29" s="337">
        <v>200870.06</v>
      </c>
      <c r="H29" s="337">
        <v>18856.439999999999</v>
      </c>
      <c r="I29" s="337">
        <v>40251.560000000005</v>
      </c>
      <c r="J29" s="337">
        <v>6.3624738532525016E-4</v>
      </c>
      <c r="K29" s="337">
        <v>317748.44</v>
      </c>
      <c r="L29" s="338"/>
      <c r="M29" s="240"/>
    </row>
    <row r="30" spans="1:13" s="301" customFormat="1" ht="10.5" x14ac:dyDescent="0.2">
      <c r="A30" s="648" t="s">
        <v>655</v>
      </c>
      <c r="B30" s="337">
        <v>12525000</v>
      </c>
      <c r="C30" s="337">
        <v>17225000</v>
      </c>
      <c r="D30" s="337">
        <v>3290118.3699999996</v>
      </c>
      <c r="E30" s="337">
        <v>8874711.8599999994</v>
      </c>
      <c r="F30" s="337">
        <v>9.3406567240333652E-2</v>
      </c>
      <c r="G30" s="337">
        <v>8350288.1400000006</v>
      </c>
      <c r="H30" s="337">
        <v>1801682.9700000007</v>
      </c>
      <c r="I30" s="337">
        <v>6114836.96</v>
      </c>
      <c r="J30" s="337">
        <v>9.6655857002565876E-2</v>
      </c>
      <c r="K30" s="337">
        <v>11110163.039999999</v>
      </c>
      <c r="L30" s="338"/>
      <c r="M30" s="240"/>
    </row>
    <row r="31" spans="1:13" s="301" customFormat="1" ht="10.5" x14ac:dyDescent="0.2">
      <c r="A31" s="648" t="s">
        <v>882</v>
      </c>
      <c r="B31" s="337">
        <v>109889000</v>
      </c>
      <c r="C31" s="337">
        <v>109889000</v>
      </c>
      <c r="D31" s="337">
        <v>17734433.890000001</v>
      </c>
      <c r="E31" s="337">
        <v>53135632.199999981</v>
      </c>
      <c r="F31" s="337">
        <v>0.55925387553336703</v>
      </c>
      <c r="G31" s="337">
        <v>56753367.800000019</v>
      </c>
      <c r="H31" s="337">
        <v>17822835.380000003</v>
      </c>
      <c r="I31" s="337">
        <v>52775685.889999993</v>
      </c>
      <c r="J31" s="337">
        <v>0.83421343560992878</v>
      </c>
      <c r="K31" s="337">
        <v>57113314.110000007</v>
      </c>
      <c r="L31" s="338"/>
      <c r="M31" s="240"/>
    </row>
    <row r="32" spans="1:13" s="301" customFormat="1" ht="10.5" x14ac:dyDescent="0.2">
      <c r="A32" s="648"/>
      <c r="B32" s="337"/>
      <c r="C32" s="337"/>
      <c r="D32" s="337"/>
      <c r="E32" s="337"/>
      <c r="F32" s="337"/>
      <c r="G32" s="337"/>
      <c r="H32" s="337"/>
      <c r="I32" s="337"/>
      <c r="J32" s="337"/>
      <c r="K32" s="337"/>
      <c r="L32" s="338"/>
      <c r="M32" s="240"/>
    </row>
    <row r="33" spans="1:13" s="75" customFormat="1" ht="10.5" x14ac:dyDescent="0.2">
      <c r="A33" s="159" t="s">
        <v>649</v>
      </c>
      <c r="B33" s="344">
        <v>778172500</v>
      </c>
      <c r="C33" s="344">
        <v>707544677</v>
      </c>
      <c r="D33" s="344">
        <v>175032931.48000002</v>
      </c>
      <c r="E33" s="344">
        <v>391003300.05000007</v>
      </c>
      <c r="F33" s="344">
        <v>4.1153196423114844</v>
      </c>
      <c r="G33" s="344">
        <v>316541376.94999987</v>
      </c>
      <c r="H33" s="344">
        <v>110905704.11999999</v>
      </c>
      <c r="I33" s="344">
        <v>305981526.2299999</v>
      </c>
      <c r="J33" s="344">
        <v>4.8365813901788366</v>
      </c>
      <c r="K33" s="344">
        <v>401563150.77000004</v>
      </c>
      <c r="L33" s="354"/>
      <c r="M33" s="174"/>
    </row>
    <row r="34" spans="1:13" s="301" customFormat="1" ht="10.5" x14ac:dyDescent="0.2">
      <c r="A34" s="648" t="s">
        <v>650</v>
      </c>
      <c r="B34" s="337">
        <v>66000</v>
      </c>
      <c r="C34" s="337">
        <v>0</v>
      </c>
      <c r="D34" s="337">
        <v>0</v>
      </c>
      <c r="E34" s="337">
        <v>0</v>
      </c>
      <c r="F34" s="337">
        <v>0</v>
      </c>
      <c r="G34" s="337">
        <v>0</v>
      </c>
      <c r="H34" s="337">
        <v>0</v>
      </c>
      <c r="I34" s="337">
        <v>0</v>
      </c>
      <c r="J34" s="337">
        <v>0</v>
      </c>
      <c r="K34" s="337">
        <v>0</v>
      </c>
      <c r="L34" s="338"/>
      <c r="M34" s="240"/>
    </row>
    <row r="35" spans="1:13" s="301" customFormat="1" ht="10.5" x14ac:dyDescent="0.2">
      <c r="A35" s="648" t="s">
        <v>651</v>
      </c>
      <c r="B35" s="337">
        <v>370742100</v>
      </c>
      <c r="C35" s="337">
        <v>366691776.99999994</v>
      </c>
      <c r="D35" s="337">
        <v>76770126.940000027</v>
      </c>
      <c r="E35" s="337">
        <v>131963318.89000006</v>
      </c>
      <c r="F35" s="337">
        <v>1.3889172756935437</v>
      </c>
      <c r="G35" s="337">
        <v>234728458.1099999</v>
      </c>
      <c r="H35" s="337">
        <v>34257738.939999968</v>
      </c>
      <c r="I35" s="337">
        <v>81446447.460000038</v>
      </c>
      <c r="J35" s="337">
        <v>1.28740573633557</v>
      </c>
      <c r="K35" s="337">
        <v>285245329.5399999</v>
      </c>
      <c r="L35" s="338"/>
      <c r="M35" s="240"/>
    </row>
    <row r="36" spans="1:13" s="301" customFormat="1" ht="10.5" x14ac:dyDescent="0.2">
      <c r="A36" s="648" t="s">
        <v>652</v>
      </c>
      <c r="B36" s="337">
        <v>404969700</v>
      </c>
      <c r="C36" s="337">
        <v>331758200</v>
      </c>
      <c r="D36" s="337">
        <v>98261556.840000004</v>
      </c>
      <c r="E36" s="337">
        <v>259031080.36000001</v>
      </c>
      <c r="F36" s="337">
        <v>2.7263086854723655</v>
      </c>
      <c r="G36" s="337">
        <v>72727119.639999986</v>
      </c>
      <c r="H36" s="337">
        <v>76646918.780000016</v>
      </c>
      <c r="I36" s="337">
        <v>224526381.56999987</v>
      </c>
      <c r="J36" s="337">
        <v>3.5490381791526056</v>
      </c>
      <c r="K36" s="337">
        <v>107231818.43000013</v>
      </c>
      <c r="L36" s="338"/>
      <c r="M36" s="240"/>
    </row>
    <row r="37" spans="1:13" s="301" customFormat="1" ht="10.5" x14ac:dyDescent="0.2">
      <c r="A37" s="648" t="s">
        <v>653</v>
      </c>
      <c r="B37" s="337">
        <v>0</v>
      </c>
      <c r="C37" s="337">
        <v>6700000</v>
      </c>
      <c r="D37" s="337">
        <v>0</v>
      </c>
      <c r="E37" s="337">
        <v>0</v>
      </c>
      <c r="F37" s="337">
        <v>0</v>
      </c>
      <c r="G37" s="337">
        <v>6700000</v>
      </c>
      <c r="H37" s="337">
        <v>0</v>
      </c>
      <c r="I37" s="337">
        <v>0</v>
      </c>
      <c r="J37" s="337">
        <v>0</v>
      </c>
      <c r="K37" s="337">
        <v>6700000</v>
      </c>
      <c r="L37" s="338"/>
      <c r="M37" s="240"/>
    </row>
    <row r="38" spans="1:13" s="301" customFormat="1" ht="10.5" x14ac:dyDescent="0.2">
      <c r="A38" s="648" t="s">
        <v>654</v>
      </c>
      <c r="B38" s="337">
        <v>0</v>
      </c>
      <c r="C38" s="337">
        <v>0</v>
      </c>
      <c r="D38" s="337">
        <v>0</v>
      </c>
      <c r="E38" s="337">
        <v>0</v>
      </c>
      <c r="F38" s="337">
        <v>0</v>
      </c>
      <c r="G38" s="337">
        <v>0</v>
      </c>
      <c r="H38" s="337">
        <v>0</v>
      </c>
      <c r="I38" s="337">
        <v>0</v>
      </c>
      <c r="J38" s="337">
        <v>0</v>
      </c>
      <c r="K38" s="337">
        <v>0</v>
      </c>
      <c r="L38" s="338"/>
      <c r="M38" s="240"/>
    </row>
    <row r="39" spans="1:13" s="301" customFormat="1" ht="10.5" x14ac:dyDescent="0.2">
      <c r="A39" s="648" t="s">
        <v>752</v>
      </c>
      <c r="B39" s="337">
        <v>2394700</v>
      </c>
      <c r="C39" s="337">
        <v>2394700</v>
      </c>
      <c r="D39" s="337">
        <v>1247.7</v>
      </c>
      <c r="E39" s="337">
        <v>8900.7999999999993</v>
      </c>
      <c r="F39" s="337">
        <v>9.3681145574991297E-5</v>
      </c>
      <c r="G39" s="337">
        <v>2385799.2000000002</v>
      </c>
      <c r="H39" s="337">
        <v>1046.4000000000001</v>
      </c>
      <c r="I39" s="337">
        <v>8697.2000000000007</v>
      </c>
      <c r="J39" s="337">
        <v>1.3747469066169771E-4</v>
      </c>
      <c r="K39" s="337">
        <v>2386002.7999999998</v>
      </c>
      <c r="L39" s="338"/>
      <c r="M39" s="240"/>
    </row>
    <row r="40" spans="1:13" ht="10.5" x14ac:dyDescent="0.2">
      <c r="A40" s="648"/>
      <c r="B40" s="337"/>
      <c r="C40" s="344"/>
      <c r="D40" s="344"/>
      <c r="E40" s="344"/>
      <c r="F40" s="344"/>
      <c r="G40" s="344"/>
      <c r="H40" s="344"/>
      <c r="I40" s="344"/>
      <c r="J40" s="344"/>
      <c r="K40" s="344"/>
      <c r="L40" s="354"/>
    </row>
    <row r="41" spans="1:13" s="75" customFormat="1" ht="10.5" x14ac:dyDescent="0.2">
      <c r="A41" s="159" t="s">
        <v>658</v>
      </c>
      <c r="B41" s="344">
        <v>889668600</v>
      </c>
      <c r="C41" s="344">
        <v>949942192.16000032</v>
      </c>
      <c r="D41" s="344">
        <v>392429860.45999998</v>
      </c>
      <c r="E41" s="344">
        <v>780432230.83000195</v>
      </c>
      <c r="F41" s="344">
        <v>8.2140690081566401</v>
      </c>
      <c r="G41" s="344">
        <v>169509961.32999837</v>
      </c>
      <c r="H41" s="344">
        <v>196836060.99000007</v>
      </c>
      <c r="I41" s="344">
        <v>527192044.22999996</v>
      </c>
      <c r="J41" s="344">
        <v>8.3332064572307516</v>
      </c>
      <c r="K41" s="344">
        <v>422750147.93000036</v>
      </c>
      <c r="L41" s="354"/>
      <c r="M41" s="174"/>
    </row>
    <row r="42" spans="1:13" s="301" customFormat="1" ht="10.5" x14ac:dyDescent="0.2">
      <c r="A42" s="648" t="s">
        <v>659</v>
      </c>
      <c r="B42" s="337">
        <v>845140500</v>
      </c>
      <c r="C42" s="337">
        <v>881448482.16000032</v>
      </c>
      <c r="D42" s="337">
        <v>359712072.83999997</v>
      </c>
      <c r="E42" s="337">
        <v>723703445.09000194</v>
      </c>
      <c r="F42" s="337">
        <v>7.6169971005526698</v>
      </c>
      <c r="G42" s="337">
        <v>157745037.06999838</v>
      </c>
      <c r="H42" s="337">
        <v>194384523.63000005</v>
      </c>
      <c r="I42" s="337">
        <v>521525667.91999996</v>
      </c>
      <c r="J42" s="337">
        <v>8.2436393171868279</v>
      </c>
      <c r="K42" s="337">
        <v>359922814.24000037</v>
      </c>
      <c r="L42" s="338"/>
      <c r="M42" s="240"/>
    </row>
    <row r="43" spans="1:13" s="301" customFormat="1" ht="10.5" x14ac:dyDescent="0.2">
      <c r="A43" s="648" t="s">
        <v>660</v>
      </c>
      <c r="B43" s="337">
        <v>40500100</v>
      </c>
      <c r="C43" s="337">
        <v>64365709.999999993</v>
      </c>
      <c r="D43" s="337">
        <v>32717787.620000005</v>
      </c>
      <c r="E43" s="337">
        <v>56717815.500000007</v>
      </c>
      <c r="F43" s="337">
        <v>0.59695644554995042</v>
      </c>
      <c r="G43" s="337">
        <v>7647894.4999999851</v>
      </c>
      <c r="H43" s="337">
        <v>2451537.36</v>
      </c>
      <c r="I43" s="337">
        <v>5655406.0699999994</v>
      </c>
      <c r="J43" s="337">
        <v>8.9393735919553116E-2</v>
      </c>
      <c r="K43" s="337">
        <v>58710303.929999992</v>
      </c>
      <c r="L43" s="338"/>
      <c r="M43" s="240"/>
    </row>
    <row r="44" spans="1:13" s="301" customFormat="1" ht="10.5" x14ac:dyDescent="0.2">
      <c r="A44" s="648" t="s">
        <v>686</v>
      </c>
      <c r="B44" s="337">
        <v>4028000</v>
      </c>
      <c r="C44" s="337">
        <v>4128000</v>
      </c>
      <c r="D44" s="337">
        <v>0</v>
      </c>
      <c r="E44" s="337">
        <v>10970.24</v>
      </c>
      <c r="F44" s="337">
        <v>1.1546205402127816E-4</v>
      </c>
      <c r="G44" s="337">
        <v>4117029.76</v>
      </c>
      <c r="H44" s="337">
        <v>0</v>
      </c>
      <c r="I44" s="337">
        <v>10970.24</v>
      </c>
      <c r="J44" s="337">
        <v>1.7340412437158887E-4</v>
      </c>
      <c r="K44" s="337">
        <v>4117029.76</v>
      </c>
      <c r="L44" s="338"/>
      <c r="M44" s="240"/>
    </row>
    <row r="45" spans="1:13" ht="10.5" x14ac:dyDescent="0.2">
      <c r="A45" s="648"/>
      <c r="B45" s="337"/>
      <c r="C45" s="344"/>
      <c r="D45" s="344"/>
      <c r="E45" s="344"/>
      <c r="F45" s="344"/>
      <c r="G45" s="344"/>
      <c r="H45" s="344"/>
      <c r="I45" s="344"/>
      <c r="J45" s="344"/>
      <c r="K45" s="344"/>
      <c r="L45" s="354"/>
    </row>
    <row r="46" spans="1:13" s="75" customFormat="1" ht="10.5" x14ac:dyDescent="0.2">
      <c r="A46" s="159" t="s">
        <v>661</v>
      </c>
      <c r="B46" s="344">
        <v>240052900</v>
      </c>
      <c r="C46" s="344">
        <v>233982896.99999997</v>
      </c>
      <c r="D46" s="344">
        <v>39095093.25999999</v>
      </c>
      <c r="E46" s="344">
        <v>96164022.550000131</v>
      </c>
      <c r="F46" s="344">
        <v>1.0121287744453655</v>
      </c>
      <c r="G46" s="344">
        <v>137818874.44999984</v>
      </c>
      <c r="H46" s="344">
        <v>27734754.59999999</v>
      </c>
      <c r="I46" s="344">
        <v>79119407.760000035</v>
      </c>
      <c r="J46" s="344">
        <v>1.2506227414734317</v>
      </c>
      <c r="K46" s="344">
        <v>154863489.23999992</v>
      </c>
      <c r="L46" s="354"/>
      <c r="M46" s="174"/>
    </row>
    <row r="47" spans="1:13" s="301" customFormat="1" ht="10.5" x14ac:dyDescent="0.2">
      <c r="A47" s="648" t="s">
        <v>753</v>
      </c>
      <c r="B47" s="337">
        <v>291200</v>
      </c>
      <c r="C47" s="337">
        <v>291500</v>
      </c>
      <c r="D47" s="337">
        <v>13107.34</v>
      </c>
      <c r="E47" s="337">
        <v>19875.73</v>
      </c>
      <c r="F47" s="337">
        <v>2.0919256196512919E-4</v>
      </c>
      <c r="G47" s="337">
        <v>271624.27</v>
      </c>
      <c r="H47" s="337">
        <v>11079.41</v>
      </c>
      <c r="I47" s="337">
        <v>17847.8</v>
      </c>
      <c r="J47" s="337">
        <v>2.8211617348018308E-4</v>
      </c>
      <c r="K47" s="337">
        <v>273652.2</v>
      </c>
      <c r="L47" s="338"/>
      <c r="M47" s="240"/>
    </row>
    <row r="48" spans="1:13" s="301" customFormat="1" ht="10.5" x14ac:dyDescent="0.2">
      <c r="A48" s="648" t="s">
        <v>662</v>
      </c>
      <c r="B48" s="337">
        <v>239761600</v>
      </c>
      <c r="C48" s="337">
        <v>233691196.99999997</v>
      </c>
      <c r="D48" s="337">
        <v>39081985.919999987</v>
      </c>
      <c r="E48" s="337">
        <v>96144146.820000127</v>
      </c>
      <c r="F48" s="337">
        <v>1.0119195818834004</v>
      </c>
      <c r="G48" s="337">
        <v>137547050.17999983</v>
      </c>
      <c r="H48" s="337">
        <v>27723675.18999999</v>
      </c>
      <c r="I48" s="337">
        <v>79101559.960000038</v>
      </c>
      <c r="J48" s="337">
        <v>1.2503406252999516</v>
      </c>
      <c r="K48" s="337">
        <v>154589637.03999993</v>
      </c>
      <c r="L48" s="338"/>
      <c r="M48" s="240"/>
    </row>
    <row r="49" spans="1:13" s="301" customFormat="1" ht="10.5" x14ac:dyDescent="0.2">
      <c r="A49" s="648" t="s">
        <v>688</v>
      </c>
      <c r="B49" s="337">
        <v>100</v>
      </c>
      <c r="C49" s="337">
        <v>100</v>
      </c>
      <c r="D49" s="337">
        <v>0</v>
      </c>
      <c r="E49" s="337">
        <v>0</v>
      </c>
      <c r="F49" s="337">
        <v>0</v>
      </c>
      <c r="G49" s="337">
        <v>100</v>
      </c>
      <c r="H49" s="337">
        <v>0</v>
      </c>
      <c r="I49" s="337">
        <v>0</v>
      </c>
      <c r="J49" s="337">
        <v>0</v>
      </c>
      <c r="K49" s="337">
        <v>100</v>
      </c>
      <c r="L49" s="338"/>
      <c r="M49" s="240"/>
    </row>
    <row r="50" spans="1:13" s="301" customFormat="1" ht="10.5" x14ac:dyDescent="0.2">
      <c r="A50" s="648" t="s">
        <v>687</v>
      </c>
      <c r="B50" s="337">
        <v>0</v>
      </c>
      <c r="C50" s="337">
        <v>100</v>
      </c>
      <c r="D50" s="337">
        <v>0</v>
      </c>
      <c r="E50" s="337">
        <v>0</v>
      </c>
      <c r="F50" s="337">
        <v>0</v>
      </c>
      <c r="G50" s="337">
        <v>100</v>
      </c>
      <c r="H50" s="337">
        <v>0</v>
      </c>
      <c r="I50" s="337">
        <v>0</v>
      </c>
      <c r="J50" s="337">
        <v>0</v>
      </c>
      <c r="K50" s="337">
        <v>100</v>
      </c>
      <c r="L50" s="338"/>
      <c r="M50" s="240"/>
    </row>
    <row r="51" spans="1:13" s="301" customFormat="1" ht="10.5" x14ac:dyDescent="0.2">
      <c r="A51" s="648"/>
      <c r="B51" s="337"/>
      <c r="C51" s="337"/>
      <c r="D51" s="337"/>
      <c r="E51" s="337"/>
      <c r="F51" s="337"/>
      <c r="G51" s="337"/>
      <c r="H51" s="337"/>
      <c r="I51" s="337"/>
      <c r="J51" s="337"/>
      <c r="K51" s="337"/>
      <c r="L51" s="338"/>
      <c r="M51" s="240"/>
    </row>
    <row r="52" spans="1:13" s="75" customFormat="1" ht="10.5" x14ac:dyDescent="0.2">
      <c r="A52" s="159" t="s">
        <v>663</v>
      </c>
      <c r="B52" s="344">
        <v>1547322700</v>
      </c>
      <c r="C52" s="344">
        <v>2012848859.9999998</v>
      </c>
      <c r="D52" s="344">
        <v>543239921.9000001</v>
      </c>
      <c r="E52" s="344">
        <v>1253853122.6999998</v>
      </c>
      <c r="F52" s="344">
        <v>13.196835893101309</v>
      </c>
      <c r="G52" s="344">
        <v>758995737.29999995</v>
      </c>
      <c r="H52" s="344">
        <v>490566406.60000002</v>
      </c>
      <c r="I52" s="344">
        <v>1032606475.6800009</v>
      </c>
      <c r="J52" s="344">
        <v>16.322179071353311</v>
      </c>
      <c r="K52" s="344">
        <v>980242384.31999886</v>
      </c>
      <c r="L52" s="354"/>
      <c r="M52" s="174"/>
    </row>
    <row r="53" spans="1:13" s="301" customFormat="1" ht="10.5" x14ac:dyDescent="0.2">
      <c r="A53" s="648" t="s">
        <v>664</v>
      </c>
      <c r="B53" s="337">
        <v>1547322700</v>
      </c>
      <c r="C53" s="337">
        <v>2012848859.9999998</v>
      </c>
      <c r="D53" s="337">
        <v>543239921.9000001</v>
      </c>
      <c r="E53" s="337">
        <v>1253853122.6999998</v>
      </c>
      <c r="F53" s="337">
        <v>13.196835893101309</v>
      </c>
      <c r="G53" s="337">
        <v>758995737.29999995</v>
      </c>
      <c r="H53" s="337">
        <v>490566406.60000002</v>
      </c>
      <c r="I53" s="337">
        <v>1032606475.6800009</v>
      </c>
      <c r="J53" s="337">
        <v>16.322179071353311</v>
      </c>
      <c r="K53" s="337">
        <v>980242384.31999886</v>
      </c>
      <c r="L53" s="338"/>
      <c r="M53" s="240"/>
    </row>
    <row r="54" spans="1:13" ht="10.5" x14ac:dyDescent="0.2">
      <c r="A54" s="648"/>
      <c r="B54" s="337"/>
      <c r="C54" s="344"/>
      <c r="D54" s="344"/>
      <c r="E54" s="344"/>
      <c r="F54" s="344"/>
      <c r="G54" s="344"/>
      <c r="H54" s="344"/>
      <c r="I54" s="344"/>
      <c r="J54" s="344"/>
      <c r="K54" s="344"/>
      <c r="L54" s="354"/>
    </row>
    <row r="55" spans="1:13" s="75" customFormat="1" ht="10.5" x14ac:dyDescent="0.2">
      <c r="A55" s="159" t="s">
        <v>665</v>
      </c>
      <c r="B55" s="344">
        <v>1074951200</v>
      </c>
      <c r="C55" s="344">
        <v>1066216200.0000005</v>
      </c>
      <c r="D55" s="344">
        <v>312092034.47999984</v>
      </c>
      <c r="E55" s="344">
        <v>598707320.93000007</v>
      </c>
      <c r="F55" s="344">
        <v>6.3014097259635511</v>
      </c>
      <c r="G55" s="344">
        <v>467508879.07000053</v>
      </c>
      <c r="H55" s="344">
        <v>125070973.12000002</v>
      </c>
      <c r="I55" s="344">
        <v>311875647.8799997</v>
      </c>
      <c r="J55" s="344">
        <v>4.9297484497561879</v>
      </c>
      <c r="K55" s="344">
        <v>754340552.12000084</v>
      </c>
      <c r="L55" s="354"/>
      <c r="M55" s="174"/>
    </row>
    <row r="56" spans="1:13" ht="10.5" x14ac:dyDescent="0.2">
      <c r="A56" s="24" t="s">
        <v>651</v>
      </c>
      <c r="B56" s="337">
        <v>333011100</v>
      </c>
      <c r="C56" s="337">
        <v>291874300.00000006</v>
      </c>
      <c r="D56" s="337">
        <v>77278578.849999994</v>
      </c>
      <c r="E56" s="337">
        <v>141246752.72000015</v>
      </c>
      <c r="F56" s="337">
        <v>1.486625652026462</v>
      </c>
      <c r="G56" s="337">
        <v>150627547.27999991</v>
      </c>
      <c r="H56" s="337">
        <v>34383525.099999987</v>
      </c>
      <c r="I56" s="337">
        <v>92236220.070000082</v>
      </c>
      <c r="J56" s="337">
        <v>1.4579572531306091</v>
      </c>
      <c r="K56" s="337">
        <v>199638079.92999998</v>
      </c>
      <c r="L56" s="354"/>
    </row>
    <row r="57" spans="1:13" ht="10.5" x14ac:dyDescent="0.2">
      <c r="A57" s="24" t="s">
        <v>754</v>
      </c>
      <c r="B57" s="337">
        <v>2181000</v>
      </c>
      <c r="C57" s="337">
        <v>2181000</v>
      </c>
      <c r="D57" s="337">
        <v>15000</v>
      </c>
      <c r="E57" s="337">
        <v>17931.900000000001</v>
      </c>
      <c r="F57" s="337">
        <v>1.8873370195220503E-4</v>
      </c>
      <c r="G57" s="337">
        <v>2163068.1</v>
      </c>
      <c r="H57" s="337">
        <v>1391.07</v>
      </c>
      <c r="I57" s="337">
        <v>4041.0699999999997</v>
      </c>
      <c r="J57" s="337">
        <v>6.3876287562924478E-5</v>
      </c>
      <c r="K57" s="337">
        <v>2176958.9300000002</v>
      </c>
      <c r="L57" s="354"/>
    </row>
    <row r="58" spans="1:13" ht="10.5" x14ac:dyDescent="0.2">
      <c r="A58" s="24" t="s">
        <v>655</v>
      </c>
      <c r="B58" s="337">
        <v>4578100</v>
      </c>
      <c r="C58" s="337">
        <v>4578100</v>
      </c>
      <c r="D58" s="337">
        <v>25706.579999999998</v>
      </c>
      <c r="E58" s="337">
        <v>1198403.8199999998</v>
      </c>
      <c r="F58" s="337">
        <v>1.2613230576919566E-2</v>
      </c>
      <c r="G58" s="337">
        <v>3379696.18</v>
      </c>
      <c r="H58" s="337">
        <v>134419.26</v>
      </c>
      <c r="I58" s="337">
        <v>211516.13999999996</v>
      </c>
      <c r="J58" s="337">
        <v>3.3433882072915811E-3</v>
      </c>
      <c r="K58" s="337">
        <v>4366583.8600000003</v>
      </c>
      <c r="L58" s="354"/>
    </row>
    <row r="59" spans="1:13" ht="10.5" x14ac:dyDescent="0.2">
      <c r="A59" s="648" t="s">
        <v>667</v>
      </c>
      <c r="B59" s="337">
        <v>64744900</v>
      </c>
      <c r="C59" s="337">
        <v>74749500</v>
      </c>
      <c r="D59" s="337">
        <v>29738370.560000002</v>
      </c>
      <c r="E59" s="337">
        <v>43359772.25</v>
      </c>
      <c r="F59" s="337">
        <v>0.45636270180778332</v>
      </c>
      <c r="G59" s="337">
        <v>31389727.75</v>
      </c>
      <c r="H59" s="337">
        <v>5335186.3199999994</v>
      </c>
      <c r="I59" s="337">
        <v>16019660.860000001</v>
      </c>
      <c r="J59" s="337">
        <v>0.25321918792643683</v>
      </c>
      <c r="K59" s="337">
        <v>58729839.140000001</v>
      </c>
      <c r="L59" s="354"/>
    </row>
    <row r="60" spans="1:13" ht="10.5" x14ac:dyDescent="0.2">
      <c r="A60" s="648" t="s">
        <v>668</v>
      </c>
      <c r="B60" s="337">
        <v>547235100</v>
      </c>
      <c r="C60" s="337">
        <v>565691900.00000036</v>
      </c>
      <c r="D60" s="337">
        <v>187053815.88999984</v>
      </c>
      <c r="E60" s="337">
        <v>360712156.52999985</v>
      </c>
      <c r="F60" s="337">
        <v>3.7965045890881677</v>
      </c>
      <c r="G60" s="337">
        <v>204979743.47000051</v>
      </c>
      <c r="H60" s="337">
        <v>71977136.88000004</v>
      </c>
      <c r="I60" s="337">
        <v>175059690.07999974</v>
      </c>
      <c r="J60" s="337">
        <v>2.7671292762131072</v>
      </c>
      <c r="K60" s="337">
        <v>390632209.92000061</v>
      </c>
      <c r="L60" s="354"/>
    </row>
    <row r="61" spans="1:13" ht="10.5" x14ac:dyDescent="0.2">
      <c r="A61" s="648" t="s">
        <v>669</v>
      </c>
      <c r="B61" s="337">
        <v>76275000</v>
      </c>
      <c r="C61" s="337">
        <v>76985400</v>
      </c>
      <c r="D61" s="337">
        <v>11808214.770000001</v>
      </c>
      <c r="E61" s="337">
        <v>31007012.639999993</v>
      </c>
      <c r="F61" s="337">
        <v>0.3263495938537474</v>
      </c>
      <c r="G61" s="337">
        <v>45978387.360000007</v>
      </c>
      <c r="H61" s="337">
        <v>10961121.859999999</v>
      </c>
      <c r="I61" s="337">
        <v>22707418.819999997</v>
      </c>
      <c r="J61" s="337">
        <v>0.35893107873857244</v>
      </c>
      <c r="K61" s="337">
        <v>54277981.180000007</v>
      </c>
      <c r="L61" s="354"/>
    </row>
    <row r="62" spans="1:13" ht="10.5" x14ac:dyDescent="0.2">
      <c r="A62" s="648" t="s">
        <v>670</v>
      </c>
      <c r="B62" s="337">
        <v>17119600</v>
      </c>
      <c r="C62" s="337">
        <v>19149600.000000007</v>
      </c>
      <c r="D62" s="337">
        <v>1573201.04</v>
      </c>
      <c r="E62" s="337">
        <v>12604587.009999998</v>
      </c>
      <c r="F62" s="337">
        <v>0.13266359772115474</v>
      </c>
      <c r="G62" s="337">
        <v>6545012.9900000095</v>
      </c>
      <c r="H62" s="337">
        <v>754294.49999999988</v>
      </c>
      <c r="I62" s="337">
        <v>2214890.3200000008</v>
      </c>
      <c r="J62" s="337">
        <v>3.5010274754126471E-2</v>
      </c>
      <c r="K62" s="337">
        <v>16934709.680000007</v>
      </c>
      <c r="L62" s="354"/>
    </row>
    <row r="63" spans="1:13" ht="10.5" x14ac:dyDescent="0.2">
      <c r="A63" s="648" t="s">
        <v>671</v>
      </c>
      <c r="B63" s="337">
        <v>21281500</v>
      </c>
      <c r="C63" s="337">
        <v>22481499.999999996</v>
      </c>
      <c r="D63" s="337">
        <v>2725882.07</v>
      </c>
      <c r="E63" s="337">
        <v>4805136.4399999995</v>
      </c>
      <c r="F63" s="337">
        <v>5.0574182808661633E-2</v>
      </c>
      <c r="G63" s="337">
        <v>17676363.559999995</v>
      </c>
      <c r="H63" s="337">
        <v>751160.77000000014</v>
      </c>
      <c r="I63" s="337">
        <v>1704201.6499999997</v>
      </c>
      <c r="J63" s="337">
        <v>2.6937933433622867E-2</v>
      </c>
      <c r="K63" s="337">
        <v>20777298.349999998</v>
      </c>
      <c r="L63" s="354"/>
    </row>
    <row r="64" spans="1:13" ht="10.5" x14ac:dyDescent="0.2">
      <c r="A64" s="648" t="s">
        <v>672</v>
      </c>
      <c r="B64" s="337">
        <v>108000</v>
      </c>
      <c r="C64" s="337">
        <v>108000</v>
      </c>
      <c r="D64" s="337">
        <v>-5490</v>
      </c>
      <c r="E64" s="337">
        <v>26350</v>
      </c>
      <c r="F64" s="337">
        <v>2.7733441779402085E-4</v>
      </c>
      <c r="G64" s="337">
        <v>81650</v>
      </c>
      <c r="H64" s="337">
        <v>22092.81</v>
      </c>
      <c r="I64" s="337">
        <v>22206.57</v>
      </c>
      <c r="J64" s="625">
        <v>3.5101427372112131E-4</v>
      </c>
      <c r="K64" s="337">
        <v>85793.43</v>
      </c>
      <c r="L64" s="354"/>
    </row>
    <row r="65" spans="1:13" ht="10.5" x14ac:dyDescent="0.2">
      <c r="A65" s="648" t="s">
        <v>673</v>
      </c>
      <c r="B65" s="337">
        <v>3661900</v>
      </c>
      <c r="C65" s="337">
        <v>3661900</v>
      </c>
      <c r="D65" s="337">
        <v>802892.86</v>
      </c>
      <c r="E65" s="337">
        <v>1719655.59</v>
      </c>
      <c r="F65" s="337">
        <v>1.8099418666371287E-2</v>
      </c>
      <c r="G65" s="337">
        <v>1942244.41</v>
      </c>
      <c r="H65" s="337">
        <v>414249.56000000006</v>
      </c>
      <c r="I65" s="337">
        <v>1001290.84</v>
      </c>
      <c r="J65" s="337">
        <v>1.5827179838498764E-2</v>
      </c>
      <c r="K65" s="337">
        <v>2660609.16</v>
      </c>
      <c r="L65" s="354"/>
    </row>
    <row r="66" spans="1:13" ht="10.5" x14ac:dyDescent="0.2">
      <c r="A66" s="648" t="s">
        <v>677</v>
      </c>
      <c r="B66" s="337">
        <v>3687000</v>
      </c>
      <c r="C66" s="337">
        <v>3687000</v>
      </c>
      <c r="D66" s="337">
        <v>177861.86</v>
      </c>
      <c r="E66" s="337">
        <v>941562.03</v>
      </c>
      <c r="F66" s="337">
        <v>9.9099642279698828E-3</v>
      </c>
      <c r="G66" s="337">
        <v>2745437.9699999997</v>
      </c>
      <c r="H66" s="337">
        <v>156732.86000000002</v>
      </c>
      <c r="I66" s="337">
        <v>355487.18000000005</v>
      </c>
      <c r="J66" s="337">
        <v>5.6191061611437308E-3</v>
      </c>
      <c r="K66" s="337">
        <v>3331512.82</v>
      </c>
      <c r="L66" s="354"/>
    </row>
    <row r="67" spans="1:13" ht="10.5" x14ac:dyDescent="0.2">
      <c r="A67" s="648" t="s">
        <v>729</v>
      </c>
      <c r="B67" s="337">
        <v>1068000</v>
      </c>
      <c r="C67" s="337">
        <v>1068000</v>
      </c>
      <c r="D67" s="337">
        <v>898000</v>
      </c>
      <c r="E67" s="337">
        <v>1068000</v>
      </c>
      <c r="F67" s="337">
        <v>1.1240727066566007E-2</v>
      </c>
      <c r="G67" s="337">
        <v>0</v>
      </c>
      <c r="H67" s="337">
        <v>179662.13</v>
      </c>
      <c r="I67" s="337">
        <v>339024.28</v>
      </c>
      <c r="J67" s="337">
        <v>5.358880791496665E-3</v>
      </c>
      <c r="K67" s="337">
        <v>728975.72</v>
      </c>
      <c r="L67" s="338"/>
    </row>
    <row r="68" spans="1:13" ht="10.5" x14ac:dyDescent="0.2">
      <c r="A68" s="648"/>
      <c r="B68" s="337"/>
      <c r="C68" s="344"/>
      <c r="D68" s="344"/>
      <c r="E68" s="344"/>
      <c r="F68" s="344"/>
      <c r="G68" s="344"/>
      <c r="H68" s="344"/>
      <c r="I68" s="344"/>
      <c r="J68" s="344"/>
      <c r="K68" s="344"/>
      <c r="L68" s="354"/>
    </row>
    <row r="69" spans="1:13" s="75" customFormat="1" ht="10.5" x14ac:dyDescent="0.2">
      <c r="A69" s="159" t="s">
        <v>666</v>
      </c>
      <c r="B69" s="344">
        <v>12324500</v>
      </c>
      <c r="C69" s="344">
        <v>12259761.32</v>
      </c>
      <c r="D69" s="344">
        <v>4508616.959999999</v>
      </c>
      <c r="E69" s="344">
        <v>7408632.6500000013</v>
      </c>
      <c r="F69" s="344">
        <v>7.7976046399906046E-2</v>
      </c>
      <c r="G69" s="344">
        <v>4851128.669999999</v>
      </c>
      <c r="H69" s="344">
        <v>1951172.8600000008</v>
      </c>
      <c r="I69" s="344">
        <v>4491318.3600000013</v>
      </c>
      <c r="J69" s="344">
        <v>7.0993262452766825E-2</v>
      </c>
      <c r="K69" s="344">
        <v>7768442.959999999</v>
      </c>
      <c r="L69" s="354"/>
      <c r="M69" s="174"/>
    </row>
    <row r="70" spans="1:13" s="301" customFormat="1" ht="10.5" x14ac:dyDescent="0.2">
      <c r="A70" s="648" t="s">
        <v>651</v>
      </c>
      <c r="B70" s="337">
        <v>5400000</v>
      </c>
      <c r="C70" s="337">
        <v>5017235.32</v>
      </c>
      <c r="D70" s="337">
        <v>2879701.8199999994</v>
      </c>
      <c r="E70" s="337">
        <v>4913276.4000000013</v>
      </c>
      <c r="F70" s="337">
        <v>5.1712358628277152E-2</v>
      </c>
      <c r="G70" s="337">
        <v>103958.91999999899</v>
      </c>
      <c r="H70" s="337">
        <v>1244879.7200000009</v>
      </c>
      <c r="I70" s="337">
        <v>3241622.1100000013</v>
      </c>
      <c r="J70" s="337">
        <v>5.1239593985923051E-2</v>
      </c>
      <c r="K70" s="337">
        <v>1775613.209999999</v>
      </c>
      <c r="L70" s="338"/>
      <c r="M70" s="240"/>
    </row>
    <row r="71" spans="1:13" s="301" customFormat="1" ht="10.5" x14ac:dyDescent="0.2">
      <c r="A71" s="648" t="s">
        <v>674</v>
      </c>
      <c r="B71" s="337">
        <v>6924500</v>
      </c>
      <c r="C71" s="337">
        <v>7242526</v>
      </c>
      <c r="D71" s="337">
        <v>1628915.14</v>
      </c>
      <c r="E71" s="337">
        <v>2495356.25</v>
      </c>
      <c r="F71" s="337">
        <v>2.6263687771628887E-2</v>
      </c>
      <c r="G71" s="337">
        <v>4747169.75</v>
      </c>
      <c r="H71" s="337">
        <v>706293.14</v>
      </c>
      <c r="I71" s="337">
        <v>1249696.25</v>
      </c>
      <c r="J71" s="337">
        <v>1.9753668466843771E-2</v>
      </c>
      <c r="K71" s="337">
        <v>5992829.75</v>
      </c>
      <c r="L71" s="338"/>
      <c r="M71" s="240"/>
    </row>
    <row r="72" spans="1:13" ht="10.5" x14ac:dyDescent="0.2">
      <c r="A72" s="648"/>
      <c r="B72" s="337"/>
      <c r="C72" s="344"/>
      <c r="D72" s="344"/>
      <c r="E72" s="344"/>
      <c r="F72" s="344"/>
      <c r="G72" s="344"/>
      <c r="H72" s="344"/>
      <c r="I72" s="344"/>
      <c r="J72" s="344"/>
      <c r="K72" s="344"/>
      <c r="L72" s="354"/>
    </row>
    <row r="73" spans="1:13" s="75" customFormat="1" ht="10.5" x14ac:dyDescent="0.2">
      <c r="A73" s="159" t="s">
        <v>682</v>
      </c>
      <c r="B73" s="344">
        <v>1479468400</v>
      </c>
      <c r="C73" s="344">
        <v>1511503880.2500007</v>
      </c>
      <c r="D73" s="344">
        <v>367664205.19000006</v>
      </c>
      <c r="E73" s="344">
        <v>906954683.30999959</v>
      </c>
      <c r="F73" s="344">
        <v>9.5457210269957979</v>
      </c>
      <c r="G73" s="344">
        <v>604549196.94000101</v>
      </c>
      <c r="H73" s="344">
        <v>247101331.01000005</v>
      </c>
      <c r="I73" s="344">
        <v>645168794.13999987</v>
      </c>
      <c r="J73" s="344">
        <v>10.198038495030239</v>
      </c>
      <c r="K73" s="344">
        <v>866335086.11000097</v>
      </c>
      <c r="L73" s="354"/>
      <c r="M73" s="174"/>
    </row>
    <row r="74" spans="1:13" s="301" customFormat="1" ht="10.5" x14ac:dyDescent="0.2">
      <c r="A74" s="24" t="s">
        <v>651</v>
      </c>
      <c r="B74" s="337">
        <v>1126742800</v>
      </c>
      <c r="C74" s="337">
        <v>1178239107.7900007</v>
      </c>
      <c r="D74" s="337">
        <v>327802483.00999999</v>
      </c>
      <c r="E74" s="337">
        <v>771947043.79999971</v>
      </c>
      <c r="F74" s="337">
        <v>8.1247621996238504</v>
      </c>
      <c r="G74" s="337">
        <v>406292063.99000096</v>
      </c>
      <c r="H74" s="337">
        <v>220951407.20000002</v>
      </c>
      <c r="I74" s="337">
        <v>593529733.93999982</v>
      </c>
      <c r="J74" s="337">
        <v>9.3817914468933914</v>
      </c>
      <c r="K74" s="337">
        <v>584709373.85000086</v>
      </c>
      <c r="L74" s="338"/>
      <c r="M74" s="240"/>
    </row>
    <row r="75" spans="1:13" s="301" customFormat="1" ht="10.5" x14ac:dyDescent="0.2">
      <c r="A75" s="648" t="s">
        <v>675</v>
      </c>
      <c r="B75" s="337">
        <v>34443400</v>
      </c>
      <c r="C75" s="337">
        <v>35489060.289999999</v>
      </c>
      <c r="D75" s="337">
        <v>699779.55</v>
      </c>
      <c r="E75" s="337">
        <v>14649017.480000006</v>
      </c>
      <c r="F75" s="337">
        <v>0.15418128023036948</v>
      </c>
      <c r="G75" s="337">
        <v>20840042.809999995</v>
      </c>
      <c r="H75" s="337">
        <v>2396645.27</v>
      </c>
      <c r="I75" s="337">
        <v>3947163.4799999995</v>
      </c>
      <c r="J75" s="337">
        <v>6.2391928253248193E-2</v>
      </c>
      <c r="K75" s="337">
        <v>31541896.809999999</v>
      </c>
      <c r="L75" s="338"/>
      <c r="M75" s="240"/>
    </row>
    <row r="76" spans="1:13" s="301" customFormat="1" ht="10.5" x14ac:dyDescent="0.2">
      <c r="A76" s="648" t="s">
        <v>676</v>
      </c>
      <c r="B76" s="337">
        <v>35014400</v>
      </c>
      <c r="C76" s="337">
        <v>27144422</v>
      </c>
      <c r="D76" s="337">
        <v>143684.07</v>
      </c>
      <c r="E76" s="337">
        <v>7056779.5900000008</v>
      </c>
      <c r="F76" s="337">
        <v>7.4272784026314209E-2</v>
      </c>
      <c r="G76" s="337">
        <v>20087642.41</v>
      </c>
      <c r="H76" s="337">
        <v>344198.62</v>
      </c>
      <c r="I76" s="337">
        <v>459210.62999999995</v>
      </c>
      <c r="J76" s="337">
        <v>7.2586394825706335E-3</v>
      </c>
      <c r="K76" s="337">
        <v>26685211.370000001</v>
      </c>
      <c r="L76" s="338"/>
      <c r="M76" s="240"/>
    </row>
    <row r="77" spans="1:13" s="301" customFormat="1" ht="10.5" x14ac:dyDescent="0.2">
      <c r="A77" s="648" t="s">
        <v>677</v>
      </c>
      <c r="B77" s="337">
        <v>21651100</v>
      </c>
      <c r="C77" s="337">
        <v>30842428.000000007</v>
      </c>
      <c r="D77" s="337">
        <v>3468913.99</v>
      </c>
      <c r="E77" s="337">
        <v>18499926.629999995</v>
      </c>
      <c r="F77" s="337">
        <v>0.19471219662858258</v>
      </c>
      <c r="G77" s="337">
        <v>12342501.370000012</v>
      </c>
      <c r="H77" s="337">
        <v>2364533.31</v>
      </c>
      <c r="I77" s="337">
        <v>7379483.1600000001</v>
      </c>
      <c r="J77" s="337">
        <v>0.11664583597757985</v>
      </c>
      <c r="K77" s="337">
        <v>23462944.840000007</v>
      </c>
      <c r="L77" s="338"/>
      <c r="M77" s="240"/>
    </row>
    <row r="78" spans="1:13" s="301" customFormat="1" ht="10.5" x14ac:dyDescent="0.2">
      <c r="A78" s="648" t="s">
        <v>678</v>
      </c>
      <c r="B78" s="337">
        <v>24613100</v>
      </c>
      <c r="C78" s="337">
        <v>24668100</v>
      </c>
      <c r="D78" s="337">
        <v>1840123.72</v>
      </c>
      <c r="E78" s="337">
        <v>10904726.560000001</v>
      </c>
      <c r="F78" s="337">
        <v>0.11477252340495621</v>
      </c>
      <c r="G78" s="337">
        <v>13763373.439999999</v>
      </c>
      <c r="H78" s="337">
        <v>2120566.84</v>
      </c>
      <c r="I78" s="337">
        <v>4477776.9899999993</v>
      </c>
      <c r="J78" s="337">
        <v>7.0779217052881135E-2</v>
      </c>
      <c r="K78" s="337">
        <v>20190323.010000002</v>
      </c>
      <c r="L78" s="338"/>
      <c r="M78" s="240"/>
    </row>
    <row r="79" spans="1:13" s="301" customFormat="1" ht="10.5" x14ac:dyDescent="0.2">
      <c r="A79" s="648" t="s">
        <v>679</v>
      </c>
      <c r="B79" s="337">
        <v>187600</v>
      </c>
      <c r="C79" s="337">
        <v>187600</v>
      </c>
      <c r="D79" s="337">
        <v>0</v>
      </c>
      <c r="E79" s="337">
        <v>0</v>
      </c>
      <c r="F79" s="337">
        <v>0</v>
      </c>
      <c r="G79" s="337">
        <v>187600</v>
      </c>
      <c r="H79" s="337">
        <v>0</v>
      </c>
      <c r="I79" s="337">
        <v>0</v>
      </c>
      <c r="J79" s="337">
        <v>0</v>
      </c>
      <c r="K79" s="337">
        <v>187600</v>
      </c>
      <c r="L79" s="338"/>
      <c r="M79" s="240"/>
    </row>
    <row r="80" spans="1:13" s="301" customFormat="1" ht="10.5" x14ac:dyDescent="0.2">
      <c r="A80" s="648" t="s">
        <v>680</v>
      </c>
      <c r="B80" s="337">
        <v>5327000</v>
      </c>
      <c r="C80" s="337">
        <v>9256235.1699999999</v>
      </c>
      <c r="D80" s="337">
        <v>-3065.65</v>
      </c>
      <c r="E80" s="337">
        <v>5338398.1000000006</v>
      </c>
      <c r="F80" s="337">
        <v>5.6186775294732726E-2</v>
      </c>
      <c r="G80" s="337">
        <v>3917837.0699999994</v>
      </c>
      <c r="H80" s="337">
        <v>95542.8</v>
      </c>
      <c r="I80" s="337">
        <v>3868033.45</v>
      </c>
      <c r="J80" s="337">
        <v>6.1141137608408384E-2</v>
      </c>
      <c r="K80" s="337">
        <v>5388201.7199999997</v>
      </c>
      <c r="L80" s="338"/>
      <c r="M80" s="240"/>
    </row>
    <row r="81" spans="1:13" s="301" customFormat="1" ht="10.5" x14ac:dyDescent="0.2">
      <c r="A81" s="648" t="s">
        <v>681</v>
      </c>
      <c r="B81" s="337">
        <v>19483200</v>
      </c>
      <c r="C81" s="337">
        <v>16083200</v>
      </c>
      <c r="D81" s="337">
        <v>3594942.98</v>
      </c>
      <c r="E81" s="337">
        <v>3832601.3600000003</v>
      </c>
      <c r="F81" s="337">
        <v>4.0338226444484732E-2</v>
      </c>
      <c r="G81" s="337">
        <v>12250598.640000001</v>
      </c>
      <c r="H81" s="337">
        <v>1124335.72</v>
      </c>
      <c r="I81" s="337">
        <v>1183000.31</v>
      </c>
      <c r="J81" s="337">
        <v>1.869942069515965E-2</v>
      </c>
      <c r="K81" s="337">
        <v>14900199.689999999</v>
      </c>
      <c r="L81" s="338"/>
      <c r="M81" s="240"/>
    </row>
    <row r="82" spans="1:13" s="301" customFormat="1" ht="10.5" x14ac:dyDescent="0.2">
      <c r="A82" s="648" t="s">
        <v>755</v>
      </c>
      <c r="B82" s="337">
        <v>185126400</v>
      </c>
      <c r="C82" s="337">
        <v>162751327</v>
      </c>
      <c r="D82" s="337">
        <v>29105601.030000001</v>
      </c>
      <c r="E82" s="337">
        <v>71670099.089999974</v>
      </c>
      <c r="F82" s="337">
        <v>0.75432960927381132</v>
      </c>
      <c r="G82" s="337">
        <v>91081227.910000026</v>
      </c>
      <c r="H82" s="337">
        <v>16756748.220000003</v>
      </c>
      <c r="I82" s="337">
        <v>28746965.310000006</v>
      </c>
      <c r="J82" s="337">
        <v>0.45439683616046611</v>
      </c>
      <c r="K82" s="337">
        <v>134004361.69</v>
      </c>
      <c r="L82" s="338"/>
      <c r="M82" s="240"/>
    </row>
    <row r="83" spans="1:13" s="301" customFormat="1" ht="10.5" x14ac:dyDescent="0.2">
      <c r="A83" s="648" t="s">
        <v>703</v>
      </c>
      <c r="B83" s="337">
        <v>11318700</v>
      </c>
      <c r="C83" s="337">
        <v>11277228.83</v>
      </c>
      <c r="D83" s="337">
        <v>624174.31000000006</v>
      </c>
      <c r="E83" s="337">
        <v>1407903.5500000003</v>
      </c>
      <c r="F83" s="337">
        <v>1.4818220544568697E-2</v>
      </c>
      <c r="G83" s="337">
        <v>9869325.2799999993</v>
      </c>
      <c r="H83" s="337">
        <v>489965.99999999994</v>
      </c>
      <c r="I83" s="337">
        <v>835315.53999999992</v>
      </c>
      <c r="J83" s="337">
        <v>1.3203645479741637E-2</v>
      </c>
      <c r="K83" s="337">
        <v>10441913.290000001</v>
      </c>
      <c r="L83" s="338"/>
      <c r="M83" s="240"/>
    </row>
    <row r="84" spans="1:13" s="301" customFormat="1" ht="10.5" x14ac:dyDescent="0.2">
      <c r="A84" s="648" t="s">
        <v>705</v>
      </c>
      <c r="B84" s="337">
        <v>15560700</v>
      </c>
      <c r="C84" s="337">
        <v>15565171.17</v>
      </c>
      <c r="D84" s="337">
        <v>387568.18</v>
      </c>
      <c r="E84" s="337">
        <v>1648187.15</v>
      </c>
      <c r="F84" s="337">
        <v>1.7347211524130417E-2</v>
      </c>
      <c r="G84" s="337">
        <v>13916984.02</v>
      </c>
      <c r="H84" s="337">
        <v>457387.02999999997</v>
      </c>
      <c r="I84" s="337">
        <v>742111.33</v>
      </c>
      <c r="J84" s="337">
        <v>1.1730387426791503E-2</v>
      </c>
      <c r="K84" s="337">
        <v>14823059.84</v>
      </c>
      <c r="L84" s="338"/>
      <c r="M84" s="240"/>
    </row>
    <row r="85" spans="1:13" s="301" customFormat="1" ht="10.5" x14ac:dyDescent="0.2">
      <c r="A85" s="648" t="s">
        <v>729</v>
      </c>
      <c r="B85" s="337">
        <v>0</v>
      </c>
      <c r="C85" s="337">
        <v>0</v>
      </c>
      <c r="D85" s="337">
        <v>0</v>
      </c>
      <c r="E85" s="337">
        <v>0</v>
      </c>
      <c r="F85" s="337">
        <v>0</v>
      </c>
      <c r="G85" s="337">
        <v>0</v>
      </c>
      <c r="H85" s="337">
        <v>0</v>
      </c>
      <c r="I85" s="337">
        <v>0</v>
      </c>
      <c r="J85" s="337">
        <v>0</v>
      </c>
      <c r="K85" s="337">
        <v>0</v>
      </c>
      <c r="L85" s="338"/>
      <c r="M85" s="240"/>
    </row>
    <row r="86" spans="1:13" ht="10.5" x14ac:dyDescent="0.2">
      <c r="A86" s="648"/>
      <c r="B86" s="337"/>
      <c r="C86" s="344"/>
      <c r="D86" s="344"/>
      <c r="E86" s="344"/>
      <c r="F86" s="344"/>
      <c r="G86" s="344"/>
      <c r="H86" s="344"/>
      <c r="I86" s="344"/>
      <c r="J86" s="344"/>
      <c r="K86" s="344"/>
      <c r="L86" s="354"/>
    </row>
    <row r="87" spans="1:13" s="75" customFormat="1" ht="10.5" x14ac:dyDescent="0.2">
      <c r="A87" s="159" t="s">
        <v>683</v>
      </c>
      <c r="B87" s="344">
        <v>45533800</v>
      </c>
      <c r="C87" s="344">
        <v>41225199.999999985</v>
      </c>
      <c r="D87" s="344">
        <v>5101577.37</v>
      </c>
      <c r="E87" s="344">
        <v>8964897.6400000006</v>
      </c>
      <c r="F87" s="344">
        <v>9.4355774860432326E-2</v>
      </c>
      <c r="G87" s="344">
        <v>32260302.359999985</v>
      </c>
      <c r="H87" s="344">
        <v>2161916.36</v>
      </c>
      <c r="I87" s="344">
        <v>5433388.3399999999</v>
      </c>
      <c r="J87" s="344">
        <v>8.5884351433378012E-2</v>
      </c>
      <c r="K87" s="344">
        <v>35791811.659999982</v>
      </c>
      <c r="L87" s="354"/>
      <c r="M87" s="174"/>
    </row>
    <row r="88" spans="1:13" ht="10.5" x14ac:dyDescent="0.2">
      <c r="A88" s="648" t="s">
        <v>684</v>
      </c>
      <c r="B88" s="337">
        <v>45533800</v>
      </c>
      <c r="C88" s="337">
        <v>41225199.999999985</v>
      </c>
      <c r="D88" s="337">
        <v>5101577.37</v>
      </c>
      <c r="E88" s="337">
        <v>8964897.6400000006</v>
      </c>
      <c r="F88" s="337">
        <v>9.4355774860432326E-2</v>
      </c>
      <c r="G88" s="337">
        <v>32260302.359999985</v>
      </c>
      <c r="H88" s="337">
        <v>2161916.36</v>
      </c>
      <c r="I88" s="337">
        <v>5433388.3399999999</v>
      </c>
      <c r="J88" s="337">
        <v>8.5884351433378012E-2</v>
      </c>
      <c r="K88" s="337">
        <v>35791811.659999982</v>
      </c>
      <c r="L88" s="354"/>
    </row>
    <row r="89" spans="1:13" ht="10.5" x14ac:dyDescent="0.2">
      <c r="A89" s="648"/>
      <c r="B89" s="337"/>
      <c r="C89" s="344"/>
      <c r="D89" s="344"/>
      <c r="E89" s="344"/>
      <c r="F89" s="344"/>
      <c r="G89" s="344"/>
      <c r="H89" s="344"/>
      <c r="I89" s="344"/>
      <c r="J89" s="344"/>
      <c r="K89" s="344"/>
      <c r="L89" s="354"/>
    </row>
    <row r="90" spans="1:13" s="75" customFormat="1" ht="10.5" x14ac:dyDescent="0.2">
      <c r="A90" s="159" t="s">
        <v>685</v>
      </c>
      <c r="B90" s="344">
        <v>118561400</v>
      </c>
      <c r="C90" s="344">
        <v>117954682</v>
      </c>
      <c r="D90" s="344">
        <v>31401898.970000006</v>
      </c>
      <c r="E90" s="344">
        <v>99937793.520000011</v>
      </c>
      <c r="F90" s="344">
        <v>1.051847809544147</v>
      </c>
      <c r="G90" s="344">
        <v>18016888.479999986</v>
      </c>
      <c r="H90" s="344">
        <v>27030445.569999997</v>
      </c>
      <c r="I90" s="344">
        <v>92455609.840000004</v>
      </c>
      <c r="J90" s="344">
        <v>1.4614250980421992</v>
      </c>
      <c r="K90" s="344">
        <v>25499072.16</v>
      </c>
      <c r="L90" s="354"/>
      <c r="M90" s="174"/>
    </row>
    <row r="91" spans="1:13" ht="10.5" x14ac:dyDescent="0.2">
      <c r="A91" s="648" t="s">
        <v>656</v>
      </c>
      <c r="B91" s="337">
        <v>7712200</v>
      </c>
      <c r="C91" s="337">
        <v>7627600</v>
      </c>
      <c r="D91" s="337">
        <v>2958045.1099999994</v>
      </c>
      <c r="E91" s="337">
        <v>5411407.3300000001</v>
      </c>
      <c r="F91" s="337">
        <v>5.6955199290772182E-2</v>
      </c>
      <c r="G91" s="337">
        <v>2216192.67</v>
      </c>
      <c r="H91" s="337">
        <v>1278830.4199999997</v>
      </c>
      <c r="I91" s="337">
        <v>3606072.7500000033</v>
      </c>
      <c r="J91" s="337">
        <v>5.7000383549858341E-2</v>
      </c>
      <c r="K91" s="337">
        <v>4021527.2499999967</v>
      </c>
      <c r="L91" s="354"/>
    </row>
    <row r="92" spans="1:13" ht="10.5" x14ac:dyDescent="0.2">
      <c r="A92" s="648" t="s">
        <v>686</v>
      </c>
      <c r="B92" s="337">
        <v>105965000</v>
      </c>
      <c r="C92" s="337">
        <v>104605556</v>
      </c>
      <c r="D92" s="337">
        <v>27946849.630000006</v>
      </c>
      <c r="E92" s="337">
        <v>92798944.330000013</v>
      </c>
      <c r="F92" s="337">
        <v>0.97671124089792427</v>
      </c>
      <c r="G92" s="337">
        <v>11806611.669999987</v>
      </c>
      <c r="H92" s="337">
        <v>25272458.039999999</v>
      </c>
      <c r="I92" s="337">
        <v>87472417.799999997</v>
      </c>
      <c r="J92" s="337">
        <v>1.3826568985979142</v>
      </c>
      <c r="K92" s="337">
        <v>17133138.200000003</v>
      </c>
      <c r="L92" s="354"/>
    </row>
    <row r="93" spans="1:13" ht="10.5" x14ac:dyDescent="0.2">
      <c r="A93" s="648" t="s">
        <v>687</v>
      </c>
      <c r="B93" s="337">
        <v>4684200</v>
      </c>
      <c r="C93" s="337">
        <v>5521526</v>
      </c>
      <c r="D93" s="337">
        <v>497004.23</v>
      </c>
      <c r="E93" s="337">
        <v>1727441.86</v>
      </c>
      <c r="F93" s="337">
        <v>1.8181369355450495E-2</v>
      </c>
      <c r="G93" s="337">
        <v>3794084.1399999997</v>
      </c>
      <c r="H93" s="337">
        <v>479157.11000000004</v>
      </c>
      <c r="I93" s="337">
        <v>1377119.2900000003</v>
      </c>
      <c r="J93" s="337">
        <v>2.1767815894426574E-2</v>
      </c>
      <c r="K93" s="337">
        <v>4144406.71</v>
      </c>
      <c r="L93" s="354"/>
    </row>
    <row r="94" spans="1:13" s="301" customFormat="1" ht="10.5" x14ac:dyDescent="0.2">
      <c r="A94" s="648" t="s">
        <v>688</v>
      </c>
      <c r="B94" s="337">
        <v>200000</v>
      </c>
      <c r="C94" s="337">
        <v>200000</v>
      </c>
      <c r="D94" s="337">
        <v>0</v>
      </c>
      <c r="E94" s="337">
        <v>0</v>
      </c>
      <c r="F94" s="337"/>
      <c r="G94" s="337">
        <v>200000</v>
      </c>
      <c r="H94" s="337">
        <v>0</v>
      </c>
      <c r="I94" s="337">
        <v>0</v>
      </c>
      <c r="J94" s="602">
        <v>0</v>
      </c>
      <c r="K94" s="337">
        <v>200000</v>
      </c>
      <c r="L94" s="354"/>
      <c r="M94" s="240"/>
    </row>
    <row r="95" spans="1:13" ht="10.5" x14ac:dyDescent="0.2">
      <c r="A95" s="648"/>
      <c r="B95" s="337"/>
      <c r="C95" s="337"/>
      <c r="D95" s="337"/>
      <c r="E95" s="337"/>
      <c r="F95" s="337"/>
      <c r="G95" s="337"/>
      <c r="H95" s="337"/>
      <c r="I95" s="337"/>
      <c r="J95" s="344"/>
      <c r="K95" s="344"/>
      <c r="L95" s="354"/>
    </row>
    <row r="96" spans="1:13" s="75" customFormat="1" ht="10.5" x14ac:dyDescent="0.2">
      <c r="A96" s="159" t="s">
        <v>689</v>
      </c>
      <c r="B96" s="344">
        <v>23514000</v>
      </c>
      <c r="C96" s="344">
        <v>15594000</v>
      </c>
      <c r="D96" s="344">
        <v>119123.22</v>
      </c>
      <c r="E96" s="344">
        <v>5043966.13</v>
      </c>
      <c r="F96" s="344">
        <v>5.3087871348626588E-2</v>
      </c>
      <c r="G96" s="344">
        <v>10550033.870000001</v>
      </c>
      <c r="H96" s="344">
        <v>1338027.03</v>
      </c>
      <c r="I96" s="344">
        <v>4281453.32</v>
      </c>
      <c r="J96" s="344">
        <v>6.7675972813031629E-2</v>
      </c>
      <c r="K96" s="344">
        <v>11312546.68</v>
      </c>
      <c r="L96" s="354"/>
      <c r="M96" s="174"/>
    </row>
    <row r="97" spans="1:13" s="301" customFormat="1" ht="10.5" x14ac:dyDescent="0.2">
      <c r="A97" s="648" t="s">
        <v>690</v>
      </c>
      <c r="B97" s="337">
        <v>23500000</v>
      </c>
      <c r="C97" s="337">
        <v>15594000</v>
      </c>
      <c r="D97" s="337">
        <v>119123.22</v>
      </c>
      <c r="E97" s="337">
        <v>5043966.13</v>
      </c>
      <c r="F97" s="337">
        <v>5.3087871348626588E-2</v>
      </c>
      <c r="G97" s="337">
        <v>10550033.870000001</v>
      </c>
      <c r="H97" s="337">
        <v>1338027.03</v>
      </c>
      <c r="I97" s="337">
        <v>4281453.32</v>
      </c>
      <c r="J97" s="337">
        <v>6.7675972813031629E-2</v>
      </c>
      <c r="K97" s="337">
        <v>11312546.68</v>
      </c>
      <c r="L97" s="338"/>
      <c r="M97" s="240"/>
    </row>
    <row r="98" spans="1:13" s="301" customFormat="1" ht="10.5" x14ac:dyDescent="0.2">
      <c r="A98" s="648" t="s">
        <v>691</v>
      </c>
      <c r="B98" s="337">
        <v>14000</v>
      </c>
      <c r="C98" s="337"/>
      <c r="D98" s="337">
        <v>0</v>
      </c>
      <c r="E98" s="337">
        <v>0</v>
      </c>
      <c r="F98" s="337">
        <v>0</v>
      </c>
      <c r="G98" s="337">
        <v>0</v>
      </c>
      <c r="H98" s="337">
        <v>0</v>
      </c>
      <c r="I98" s="337">
        <v>0</v>
      </c>
      <c r="J98" s="337">
        <v>0</v>
      </c>
      <c r="K98" s="337">
        <v>0</v>
      </c>
      <c r="L98" s="338"/>
      <c r="M98" s="240"/>
    </row>
    <row r="99" spans="1:13" ht="10.5" x14ac:dyDescent="0.2">
      <c r="A99" s="648"/>
      <c r="B99" s="337"/>
      <c r="C99" s="344"/>
      <c r="D99" s="344"/>
      <c r="E99" s="344"/>
      <c r="F99" s="344"/>
      <c r="G99" s="344"/>
      <c r="H99" s="344"/>
      <c r="I99" s="344"/>
      <c r="J99" s="344"/>
      <c r="K99" s="344"/>
      <c r="L99" s="354"/>
    </row>
    <row r="100" spans="1:13" s="75" customFormat="1" ht="10.5" x14ac:dyDescent="0.2">
      <c r="A100" s="159" t="s">
        <v>883</v>
      </c>
      <c r="B100" s="344">
        <v>80752700</v>
      </c>
      <c r="C100" s="344">
        <v>80598700</v>
      </c>
      <c r="D100" s="344">
        <v>9326569</v>
      </c>
      <c r="E100" s="344">
        <v>25166840.729999997</v>
      </c>
      <c r="F100" s="344">
        <v>0.26488163649219731</v>
      </c>
      <c r="G100" s="344">
        <v>55431859.270000003</v>
      </c>
      <c r="H100" s="344">
        <v>5101049.96</v>
      </c>
      <c r="I100" s="344">
        <v>13756240.41</v>
      </c>
      <c r="J100" s="344">
        <v>0.21744180828688495</v>
      </c>
      <c r="K100" s="344">
        <v>66842459.590000004</v>
      </c>
      <c r="L100" s="354"/>
      <c r="M100" s="174"/>
    </row>
    <row r="101" spans="1:13" ht="10.5" x14ac:dyDescent="0.2">
      <c r="A101" s="648" t="s">
        <v>651</v>
      </c>
      <c r="B101" s="337">
        <v>25865000</v>
      </c>
      <c r="C101" s="337">
        <v>26195380</v>
      </c>
      <c r="D101" s="337">
        <v>6376155.7299999995</v>
      </c>
      <c r="E101" s="337">
        <v>11556378.339999994</v>
      </c>
      <c r="F101" s="337">
        <v>0.12163117490441486</v>
      </c>
      <c r="G101" s="337">
        <v>14639001.660000006</v>
      </c>
      <c r="H101" s="337">
        <v>1640584.3300000003</v>
      </c>
      <c r="I101" s="337">
        <v>6377353.8600000003</v>
      </c>
      <c r="J101" s="337">
        <v>0.10080540278982705</v>
      </c>
      <c r="K101" s="337">
        <v>19818026.140000001</v>
      </c>
      <c r="L101" s="354"/>
    </row>
    <row r="102" spans="1:13" ht="10.5" x14ac:dyDescent="0.2">
      <c r="A102" s="648" t="s">
        <v>652</v>
      </c>
      <c r="B102" s="337">
        <v>570000</v>
      </c>
      <c r="C102" s="337">
        <v>0</v>
      </c>
      <c r="D102" s="337">
        <v>0</v>
      </c>
      <c r="E102" s="337">
        <v>0</v>
      </c>
      <c r="F102" s="337">
        <v>0</v>
      </c>
      <c r="G102" s="337">
        <v>0</v>
      </c>
      <c r="H102" s="337">
        <v>0</v>
      </c>
      <c r="I102" s="337">
        <v>0</v>
      </c>
      <c r="J102" s="337">
        <v>0</v>
      </c>
      <c r="K102" s="337">
        <v>0</v>
      </c>
      <c r="L102" s="354"/>
    </row>
    <row r="103" spans="1:13" ht="10.5" x14ac:dyDescent="0.2">
      <c r="A103" s="648" t="s">
        <v>693</v>
      </c>
      <c r="B103" s="337">
        <v>54317700</v>
      </c>
      <c r="C103" s="337">
        <v>54403320</v>
      </c>
      <c r="D103" s="337">
        <v>2950413.2699999996</v>
      </c>
      <c r="E103" s="337">
        <v>13610462.390000001</v>
      </c>
      <c r="F103" s="337">
        <v>0.14325046158778246</v>
      </c>
      <c r="G103" s="337">
        <v>40792857.609999999</v>
      </c>
      <c r="H103" s="337">
        <v>3460465.6299999994</v>
      </c>
      <c r="I103" s="337">
        <v>7378886.5499999998</v>
      </c>
      <c r="J103" s="337">
        <v>0.11663640549705787</v>
      </c>
      <c r="K103" s="337">
        <v>47024433.450000003</v>
      </c>
      <c r="L103" s="354"/>
    </row>
    <row r="104" spans="1:13" ht="10.5" x14ac:dyDescent="0.2">
      <c r="A104" s="648"/>
      <c r="B104" s="337"/>
      <c r="C104" s="337"/>
      <c r="D104" s="337"/>
      <c r="E104" s="337"/>
      <c r="F104" s="337"/>
      <c r="G104" s="337"/>
      <c r="H104" s="337"/>
      <c r="I104" s="337"/>
      <c r="J104" s="337"/>
      <c r="K104" s="337"/>
      <c r="L104" s="354"/>
    </row>
    <row r="105" spans="1:13" s="75" customFormat="1" ht="10.5" x14ac:dyDescent="0.2">
      <c r="A105" s="159" t="s">
        <v>694</v>
      </c>
      <c r="B105" s="344">
        <v>26500000</v>
      </c>
      <c r="C105" s="344">
        <v>101486000</v>
      </c>
      <c r="D105" s="344">
        <v>28210121.720000003</v>
      </c>
      <c r="E105" s="344">
        <v>53884913.469999999</v>
      </c>
      <c r="F105" s="344">
        <v>0.56714007988932225</v>
      </c>
      <c r="G105" s="344">
        <v>47601086.530000001</v>
      </c>
      <c r="H105" s="344">
        <v>5708482.9200000009</v>
      </c>
      <c r="I105" s="344">
        <v>12003937.969999997</v>
      </c>
      <c r="J105" s="344">
        <v>0.18974355644896715</v>
      </c>
      <c r="K105" s="344">
        <v>89482062.030000001</v>
      </c>
      <c r="L105" s="354"/>
      <c r="M105" s="174"/>
    </row>
    <row r="106" spans="1:13" ht="10.5" x14ac:dyDescent="0.2">
      <c r="A106" s="648" t="s">
        <v>695</v>
      </c>
      <c r="B106" s="337">
        <v>26500000</v>
      </c>
      <c r="C106" s="337">
        <v>101486000</v>
      </c>
      <c r="D106" s="337">
        <v>28210121.720000003</v>
      </c>
      <c r="E106" s="337">
        <v>53884913.469999999</v>
      </c>
      <c r="F106" s="337">
        <v>0.56714007988932225</v>
      </c>
      <c r="G106" s="337">
        <v>47601086.530000001</v>
      </c>
      <c r="H106" s="337">
        <v>5708482.9200000009</v>
      </c>
      <c r="I106" s="337">
        <v>12003937.969999997</v>
      </c>
      <c r="J106" s="337">
        <v>0.18974355644896715</v>
      </c>
      <c r="K106" s="337">
        <v>89482062.030000001</v>
      </c>
      <c r="L106" s="354"/>
    </row>
    <row r="107" spans="1:13" ht="10.5" x14ac:dyDescent="0.2">
      <c r="A107" s="648"/>
      <c r="B107" s="337"/>
      <c r="C107" s="344"/>
      <c r="D107" s="344"/>
      <c r="E107" s="344"/>
      <c r="F107" s="344"/>
      <c r="G107" s="344"/>
      <c r="H107" s="344"/>
      <c r="I107" s="344"/>
      <c r="J107" s="337"/>
      <c r="K107" s="337"/>
      <c r="L107" s="354"/>
    </row>
    <row r="108" spans="1:13" s="75" customFormat="1" ht="10.5" x14ac:dyDescent="0.2">
      <c r="A108" s="159" t="s">
        <v>696</v>
      </c>
      <c r="B108" s="344">
        <v>117143000</v>
      </c>
      <c r="C108" s="344">
        <v>124327500</v>
      </c>
      <c r="D108" s="344">
        <v>8454510.0899999999</v>
      </c>
      <c r="E108" s="344">
        <v>19514439.590000004</v>
      </c>
      <c r="F108" s="344">
        <v>0.20538997124361449</v>
      </c>
      <c r="G108" s="344">
        <v>104813060.40999998</v>
      </c>
      <c r="H108" s="344">
        <v>5270851.5399999991</v>
      </c>
      <c r="I108" s="344">
        <v>14970102.500000002</v>
      </c>
      <c r="J108" s="344">
        <v>0.23662905421991073</v>
      </c>
      <c r="K108" s="344">
        <v>109357397.50000001</v>
      </c>
      <c r="L108" s="354"/>
      <c r="M108" s="174"/>
    </row>
    <row r="109" spans="1:13" ht="10.5" x14ac:dyDescent="0.2">
      <c r="A109" s="648" t="s">
        <v>756</v>
      </c>
      <c r="B109" s="337">
        <v>35065000</v>
      </c>
      <c r="C109" s="337">
        <v>42065000</v>
      </c>
      <c r="D109" s="337">
        <v>5868149.3300000001</v>
      </c>
      <c r="E109" s="337">
        <v>15003847.369999999</v>
      </c>
      <c r="F109" s="344">
        <v>0.15791587381515373</v>
      </c>
      <c r="G109" s="337">
        <v>27061152.630000003</v>
      </c>
      <c r="H109" s="337">
        <v>4437465.88</v>
      </c>
      <c r="I109" s="337">
        <v>12630088.59</v>
      </c>
      <c r="J109" s="337">
        <v>0.19964097892886074</v>
      </c>
      <c r="K109" s="337">
        <v>29434911.41</v>
      </c>
      <c r="L109" s="354"/>
    </row>
    <row r="110" spans="1:13" ht="10.5" x14ac:dyDescent="0.2">
      <c r="A110" s="648" t="s">
        <v>697</v>
      </c>
      <c r="B110" s="337">
        <v>65739300</v>
      </c>
      <c r="C110" s="337">
        <v>65744200</v>
      </c>
      <c r="D110" s="337">
        <v>1232447.26</v>
      </c>
      <c r="E110" s="337">
        <v>2421350.84</v>
      </c>
      <c r="F110" s="344">
        <v>2.5484778955843009E-2</v>
      </c>
      <c r="G110" s="337">
        <v>63322849.159999996</v>
      </c>
      <c r="H110" s="337">
        <v>352368.22</v>
      </c>
      <c r="I110" s="337">
        <v>1410474.62</v>
      </c>
      <c r="J110" s="337">
        <v>2.229505611813867E-2</v>
      </c>
      <c r="K110" s="337">
        <v>64333725.380000003</v>
      </c>
      <c r="L110" s="354"/>
    </row>
    <row r="111" spans="1:13" ht="10.5" x14ac:dyDescent="0.2">
      <c r="A111" s="648" t="s">
        <v>698</v>
      </c>
      <c r="B111" s="337">
        <v>13213000</v>
      </c>
      <c r="C111" s="337">
        <v>13213000</v>
      </c>
      <c r="D111" s="337">
        <v>1258551.18</v>
      </c>
      <c r="E111" s="337">
        <v>1703071.37</v>
      </c>
      <c r="F111" s="344">
        <v>1.7924869330573644E-2</v>
      </c>
      <c r="G111" s="337">
        <v>11509928.629999999</v>
      </c>
      <c r="H111" s="337">
        <v>286299.09000000003</v>
      </c>
      <c r="I111" s="337">
        <v>567142.13</v>
      </c>
      <c r="J111" s="337">
        <v>8.9646885069868867E-3</v>
      </c>
      <c r="K111" s="337">
        <v>12645857.869999999</v>
      </c>
      <c r="L111" s="354"/>
    </row>
    <row r="112" spans="1:13" ht="10.5" x14ac:dyDescent="0.2">
      <c r="A112" s="648" t="s">
        <v>700</v>
      </c>
      <c r="B112" s="337">
        <v>840000</v>
      </c>
      <c r="C112" s="337">
        <v>840000</v>
      </c>
      <c r="D112" s="337">
        <v>95362.32</v>
      </c>
      <c r="E112" s="337">
        <v>386170.01</v>
      </c>
      <c r="F112" s="344">
        <v>4.0644491420440687E-3</v>
      </c>
      <c r="G112" s="337">
        <v>453829.99</v>
      </c>
      <c r="H112" s="337">
        <v>194718.35</v>
      </c>
      <c r="I112" s="337">
        <v>362397.16</v>
      </c>
      <c r="J112" s="337">
        <v>5.7283306659244087E-3</v>
      </c>
      <c r="K112" s="337">
        <v>477602.84</v>
      </c>
      <c r="L112" s="354"/>
    </row>
    <row r="113" spans="1:13" ht="10.5" x14ac:dyDescent="0.2">
      <c r="A113" s="648" t="s">
        <v>701</v>
      </c>
      <c r="B113" s="337">
        <v>2285700</v>
      </c>
      <c r="C113" s="337">
        <v>2465300</v>
      </c>
      <c r="D113" s="337">
        <v>0</v>
      </c>
      <c r="E113" s="337">
        <v>0</v>
      </c>
      <c r="F113" s="344">
        <v>0</v>
      </c>
      <c r="G113" s="337">
        <v>2465300</v>
      </c>
      <c r="H113" s="337">
        <v>0</v>
      </c>
      <c r="I113" s="337">
        <v>0</v>
      </c>
      <c r="J113" s="337">
        <v>0</v>
      </c>
      <c r="K113" s="337">
        <v>2465300</v>
      </c>
      <c r="L113" s="354"/>
    </row>
    <row r="114" spans="1:13" ht="10.5" x14ac:dyDescent="0.2">
      <c r="A114" s="648"/>
      <c r="B114" s="337"/>
      <c r="C114" s="344"/>
      <c r="D114" s="344"/>
      <c r="E114" s="344"/>
      <c r="F114" s="344"/>
      <c r="G114" s="344"/>
      <c r="H114" s="344"/>
      <c r="I114" s="344"/>
      <c r="J114" s="344"/>
      <c r="K114" s="344"/>
      <c r="L114" s="354"/>
    </row>
    <row r="115" spans="1:13" s="75" customFormat="1" ht="10.5" x14ac:dyDescent="0.2">
      <c r="A115" s="159" t="s">
        <v>702</v>
      </c>
      <c r="B115" s="344">
        <v>67988300</v>
      </c>
      <c r="C115" s="344">
        <v>63461900</v>
      </c>
      <c r="D115" s="344">
        <v>1790239.2</v>
      </c>
      <c r="E115" s="344">
        <v>4612266.5</v>
      </c>
      <c r="F115" s="344">
        <v>4.8544221802215043E-2</v>
      </c>
      <c r="G115" s="344">
        <v>58849633.5</v>
      </c>
      <c r="H115" s="344">
        <v>1320921.47</v>
      </c>
      <c r="I115" s="344">
        <v>3827228.77</v>
      </c>
      <c r="J115" s="344">
        <v>6.0496147179241566E-2</v>
      </c>
      <c r="K115" s="344">
        <v>59634671.229999997</v>
      </c>
      <c r="L115" s="354"/>
      <c r="M115" s="174"/>
    </row>
    <row r="116" spans="1:13" ht="10.5" x14ac:dyDescent="0.2">
      <c r="A116" s="648" t="s">
        <v>703</v>
      </c>
      <c r="B116" s="337">
        <v>67264300</v>
      </c>
      <c r="C116" s="337">
        <v>62737900</v>
      </c>
      <c r="D116" s="337">
        <v>1790239.2</v>
      </c>
      <c r="E116" s="337">
        <v>4612266.5</v>
      </c>
      <c r="F116" s="337">
        <v>4.8544221802215043E-2</v>
      </c>
      <c r="G116" s="337">
        <v>58125633.5</v>
      </c>
      <c r="H116" s="337">
        <v>1320921.47</v>
      </c>
      <c r="I116" s="337">
        <v>3827228.77</v>
      </c>
      <c r="J116" s="337">
        <v>6.0496147179241566E-2</v>
      </c>
      <c r="K116" s="337">
        <v>58910671.229999997</v>
      </c>
      <c r="L116" s="354"/>
    </row>
    <row r="117" spans="1:13" ht="10.5" x14ac:dyDescent="0.2">
      <c r="A117" s="648" t="s">
        <v>705</v>
      </c>
      <c r="B117" s="337">
        <v>724000</v>
      </c>
      <c r="C117" s="337">
        <v>724000</v>
      </c>
      <c r="D117" s="337">
        <v>0</v>
      </c>
      <c r="E117" s="337">
        <v>0</v>
      </c>
      <c r="F117" s="337">
        <v>0</v>
      </c>
      <c r="G117" s="337">
        <v>724000</v>
      </c>
      <c r="H117" s="337">
        <v>0</v>
      </c>
      <c r="I117" s="337">
        <v>0</v>
      </c>
      <c r="J117" s="337">
        <v>0</v>
      </c>
      <c r="K117" s="337">
        <v>724000</v>
      </c>
      <c r="L117" s="354"/>
    </row>
    <row r="118" spans="1:13" ht="10.5" x14ac:dyDescent="0.2">
      <c r="A118" s="648"/>
      <c r="B118" s="337"/>
      <c r="C118" s="344"/>
      <c r="D118" s="344"/>
      <c r="E118" s="344"/>
      <c r="F118" s="344"/>
      <c r="G118" s="337"/>
      <c r="H118" s="344"/>
      <c r="I118" s="344"/>
      <c r="J118" s="337"/>
      <c r="K118" s="337"/>
      <c r="L118" s="354"/>
    </row>
    <row r="119" spans="1:13" s="75" customFormat="1" ht="10.5" x14ac:dyDescent="0.2">
      <c r="A119" s="159" t="s">
        <v>706</v>
      </c>
      <c r="B119" s="344">
        <v>191777800</v>
      </c>
      <c r="C119" s="344">
        <v>182584500</v>
      </c>
      <c r="D119" s="344">
        <v>54676637.710000001</v>
      </c>
      <c r="E119" s="344">
        <v>96770480.329999983</v>
      </c>
      <c r="F119" s="344">
        <v>1.0185117579494607</v>
      </c>
      <c r="G119" s="344">
        <v>85814019.670000032</v>
      </c>
      <c r="H119" s="344">
        <v>18850732.219999999</v>
      </c>
      <c r="I119" s="344">
        <v>57504411.630000003</v>
      </c>
      <c r="J119" s="344">
        <v>0.90895934329636929</v>
      </c>
      <c r="K119" s="344">
        <v>125080088.37</v>
      </c>
      <c r="L119" s="354"/>
      <c r="M119" s="174"/>
    </row>
    <row r="120" spans="1:13" ht="10.5" x14ac:dyDescent="0.2">
      <c r="A120" s="648" t="s">
        <v>651</v>
      </c>
      <c r="B120" s="337">
        <v>106216600</v>
      </c>
      <c r="C120" s="337">
        <v>87028840.000000015</v>
      </c>
      <c r="D120" s="337">
        <v>47351865.630000003</v>
      </c>
      <c r="E120" s="337">
        <v>79218680.489999995</v>
      </c>
      <c r="F120" s="337">
        <v>0.83377861981422041</v>
      </c>
      <c r="G120" s="337">
        <v>7810159.5100000203</v>
      </c>
      <c r="H120" s="337">
        <v>15077589.189999999</v>
      </c>
      <c r="I120" s="337">
        <v>45468265</v>
      </c>
      <c r="J120" s="337">
        <v>0.71870667177931935</v>
      </c>
      <c r="K120" s="337">
        <v>41560575.000000015</v>
      </c>
      <c r="L120" s="354"/>
    </row>
    <row r="121" spans="1:13" ht="10.5" x14ac:dyDescent="0.2">
      <c r="A121" s="648" t="s">
        <v>654</v>
      </c>
      <c r="B121" s="337">
        <v>224000</v>
      </c>
      <c r="C121" s="337">
        <v>224000</v>
      </c>
      <c r="D121" s="337">
        <v>0</v>
      </c>
      <c r="E121" s="337">
        <v>0</v>
      </c>
      <c r="F121" s="337">
        <v>0</v>
      </c>
      <c r="G121" s="337">
        <v>224000</v>
      </c>
      <c r="H121" s="337">
        <v>0</v>
      </c>
      <c r="I121" s="337">
        <v>0</v>
      </c>
      <c r="J121" s="337">
        <v>0</v>
      </c>
      <c r="K121" s="337">
        <v>224000</v>
      </c>
      <c r="L121" s="354"/>
    </row>
    <row r="122" spans="1:13" ht="10.5" x14ac:dyDescent="0.2">
      <c r="A122" s="648" t="s">
        <v>698</v>
      </c>
      <c r="B122" s="337">
        <v>1962100</v>
      </c>
      <c r="C122" s="337">
        <v>262100</v>
      </c>
      <c r="D122" s="337">
        <v>0</v>
      </c>
      <c r="E122" s="337">
        <v>0</v>
      </c>
      <c r="F122" s="337">
        <v>0</v>
      </c>
      <c r="G122" s="337">
        <v>262100</v>
      </c>
      <c r="H122" s="337">
        <v>0</v>
      </c>
      <c r="I122" s="337">
        <v>0</v>
      </c>
      <c r="J122" s="337">
        <v>0</v>
      </c>
      <c r="K122" s="337">
        <v>262100</v>
      </c>
      <c r="L122" s="354"/>
    </row>
    <row r="123" spans="1:13" ht="10.5" x14ac:dyDescent="0.2">
      <c r="A123" s="648" t="s">
        <v>699</v>
      </c>
      <c r="B123" s="337">
        <v>1816300</v>
      </c>
      <c r="C123" s="337">
        <v>1816300</v>
      </c>
      <c r="D123" s="337">
        <v>0</v>
      </c>
      <c r="E123" s="337">
        <v>0</v>
      </c>
      <c r="F123" s="337">
        <v>0</v>
      </c>
      <c r="G123" s="337">
        <v>1816300</v>
      </c>
      <c r="H123" s="337">
        <v>0</v>
      </c>
      <c r="I123" s="337">
        <v>0</v>
      </c>
      <c r="J123" s="337">
        <v>0</v>
      </c>
      <c r="K123" s="337">
        <v>1816300</v>
      </c>
      <c r="L123" s="354"/>
    </row>
    <row r="124" spans="1:13" ht="10.5" x14ac:dyDescent="0.2">
      <c r="A124" s="648" t="s">
        <v>704</v>
      </c>
      <c r="B124" s="337">
        <v>1018900</v>
      </c>
      <c r="C124" s="337">
        <v>1018900</v>
      </c>
      <c r="D124" s="337">
        <v>0</v>
      </c>
      <c r="E124" s="337">
        <v>0</v>
      </c>
      <c r="F124" s="337">
        <v>0</v>
      </c>
      <c r="G124" s="337">
        <v>1018900</v>
      </c>
      <c r="H124" s="337">
        <v>0</v>
      </c>
      <c r="I124" s="337">
        <v>0</v>
      </c>
      <c r="J124" s="337">
        <v>0</v>
      </c>
      <c r="K124" s="337">
        <v>1018900</v>
      </c>
      <c r="L124" s="354"/>
    </row>
    <row r="125" spans="1:13" ht="10.5" x14ac:dyDescent="0.2">
      <c r="A125" s="648" t="s">
        <v>705</v>
      </c>
      <c r="B125" s="337">
        <v>0</v>
      </c>
      <c r="C125" s="337">
        <v>1268800</v>
      </c>
      <c r="D125" s="337">
        <v>4879.54</v>
      </c>
      <c r="E125" s="337">
        <v>535238.77</v>
      </c>
      <c r="F125" s="337">
        <v>5.6334016189274316E-3</v>
      </c>
      <c r="G125" s="337">
        <v>733561.23</v>
      </c>
      <c r="H125" s="625">
        <v>92903.66</v>
      </c>
      <c r="I125" s="337">
        <v>167867.59</v>
      </c>
      <c r="J125" s="337">
        <v>2.6534453625735523E-3</v>
      </c>
      <c r="K125" s="337">
        <v>1100932.4099999999</v>
      </c>
      <c r="L125" s="354"/>
    </row>
    <row r="126" spans="1:13" ht="10.5" x14ac:dyDescent="0.2">
      <c r="A126" s="648" t="s">
        <v>707</v>
      </c>
      <c r="B126" s="337">
        <v>33807500</v>
      </c>
      <c r="C126" s="337">
        <v>70143660</v>
      </c>
      <c r="D126" s="337">
        <v>6341417.6299999999</v>
      </c>
      <c r="E126" s="337">
        <v>15607446.16</v>
      </c>
      <c r="F126" s="337">
        <v>0.16426876637704466</v>
      </c>
      <c r="G126" s="337">
        <v>54536213.840000004</v>
      </c>
      <c r="H126" s="337">
        <v>2976319.46</v>
      </c>
      <c r="I126" s="337">
        <v>10733719.130000001</v>
      </c>
      <c r="J126" s="337">
        <v>0.16966549200274769</v>
      </c>
      <c r="K126" s="337">
        <v>59409940.869999997</v>
      </c>
      <c r="L126" s="354"/>
    </row>
    <row r="127" spans="1:13" ht="10.5" x14ac:dyDescent="0.2">
      <c r="A127" s="648" t="s">
        <v>708</v>
      </c>
      <c r="B127" s="337">
        <v>1145400</v>
      </c>
      <c r="C127" s="337">
        <v>965800</v>
      </c>
      <c r="D127" s="337">
        <v>0</v>
      </c>
      <c r="E127" s="337">
        <v>0</v>
      </c>
      <c r="F127" s="337">
        <v>0</v>
      </c>
      <c r="G127" s="337">
        <v>965800</v>
      </c>
      <c r="H127" s="337">
        <v>0</v>
      </c>
      <c r="I127" s="337">
        <v>0</v>
      </c>
      <c r="J127" s="337">
        <v>0</v>
      </c>
      <c r="K127" s="337">
        <v>965800</v>
      </c>
      <c r="L127" s="354"/>
    </row>
    <row r="128" spans="1:13" ht="10.5" x14ac:dyDescent="0.2">
      <c r="A128" s="648" t="s">
        <v>757</v>
      </c>
      <c r="B128" s="337">
        <v>15960100</v>
      </c>
      <c r="C128" s="337">
        <v>19856100</v>
      </c>
      <c r="D128" s="337">
        <v>978474.91</v>
      </c>
      <c r="E128" s="337">
        <v>1409114.91</v>
      </c>
      <c r="F128" s="337">
        <v>1.4830970139268465E-2</v>
      </c>
      <c r="G128" s="337">
        <v>18446985.09</v>
      </c>
      <c r="H128" s="337">
        <v>703919.91</v>
      </c>
      <c r="I128" s="337">
        <v>1134559.9099999999</v>
      </c>
      <c r="J128" s="337">
        <v>1.7933734151728553E-2</v>
      </c>
      <c r="K128" s="337">
        <v>18721540.09</v>
      </c>
      <c r="L128" s="354"/>
    </row>
    <row r="129" spans="1:13" ht="10.5" x14ac:dyDescent="0.2">
      <c r="A129" s="24" t="s">
        <v>758</v>
      </c>
      <c r="B129" s="337">
        <v>29626900</v>
      </c>
      <c r="C129" s="337">
        <v>0</v>
      </c>
      <c r="D129" s="337">
        <v>0</v>
      </c>
      <c r="E129" s="337">
        <v>0</v>
      </c>
      <c r="F129" s="337">
        <v>0</v>
      </c>
      <c r="G129" s="337">
        <v>0</v>
      </c>
      <c r="H129" s="337">
        <v>0</v>
      </c>
      <c r="I129" s="337">
        <v>0</v>
      </c>
      <c r="J129" s="337">
        <v>0</v>
      </c>
      <c r="K129" s="337">
        <v>0</v>
      </c>
      <c r="L129" s="354"/>
    </row>
    <row r="130" spans="1:13" ht="10.5" x14ac:dyDescent="0.2">
      <c r="A130" s="648"/>
      <c r="B130" s="337"/>
      <c r="C130" s="337"/>
      <c r="D130" s="337"/>
      <c r="E130" s="337"/>
      <c r="F130" s="337"/>
      <c r="G130" s="337"/>
      <c r="H130" s="337"/>
      <c r="I130" s="337"/>
      <c r="J130" s="344"/>
      <c r="K130" s="344"/>
      <c r="L130" s="354"/>
    </row>
    <row r="131" spans="1:13" s="75" customFormat="1" ht="10.5" x14ac:dyDescent="0.2">
      <c r="A131" s="159" t="s">
        <v>709</v>
      </c>
      <c r="B131" s="344">
        <v>4674800</v>
      </c>
      <c r="C131" s="344">
        <v>4785800</v>
      </c>
      <c r="D131" s="344">
        <v>264981.03999999998</v>
      </c>
      <c r="E131" s="344">
        <v>2103247.7400000002</v>
      </c>
      <c r="F131" s="344">
        <v>2.2136735766584068E-2</v>
      </c>
      <c r="G131" s="344">
        <v>2682552.2599999998</v>
      </c>
      <c r="H131" s="344">
        <v>525517.56999999995</v>
      </c>
      <c r="I131" s="344">
        <v>1018777.15</v>
      </c>
      <c r="J131" s="344">
        <v>1.6103582020587776E-2</v>
      </c>
      <c r="K131" s="344">
        <v>3767022.85</v>
      </c>
      <c r="L131" s="354"/>
      <c r="M131" s="174"/>
    </row>
    <row r="132" spans="1:13" ht="10.5" x14ac:dyDescent="0.2">
      <c r="A132" s="648" t="s">
        <v>710</v>
      </c>
      <c r="B132" s="337">
        <v>4674800</v>
      </c>
      <c r="C132" s="337">
        <v>4785800</v>
      </c>
      <c r="D132" s="337">
        <v>264981.03999999998</v>
      </c>
      <c r="E132" s="337">
        <v>2103247.7400000002</v>
      </c>
      <c r="F132" s="337">
        <v>2.2136735766584068E-2</v>
      </c>
      <c r="G132" s="337">
        <v>2682552.2599999998</v>
      </c>
      <c r="H132" s="337">
        <v>525517.56999999995</v>
      </c>
      <c r="I132" s="337">
        <v>1018777.15</v>
      </c>
      <c r="J132" s="337">
        <v>1.6103582020587776E-2</v>
      </c>
      <c r="K132" s="337">
        <v>3767022.85</v>
      </c>
      <c r="L132" s="354"/>
    </row>
    <row r="133" spans="1:13" ht="10.5" x14ac:dyDescent="0.2">
      <c r="A133" s="648"/>
      <c r="B133" s="337"/>
      <c r="C133" s="344"/>
      <c r="D133" s="344"/>
      <c r="E133" s="344"/>
      <c r="F133" s="344"/>
      <c r="G133" s="344"/>
      <c r="H133" s="344"/>
      <c r="I133" s="344"/>
      <c r="J133" s="344"/>
      <c r="K133" s="344"/>
      <c r="L133" s="354"/>
    </row>
    <row r="134" spans="1:13" s="75" customFormat="1" ht="10.5" x14ac:dyDescent="0.2">
      <c r="A134" s="159" t="s">
        <v>711</v>
      </c>
      <c r="B134" s="344">
        <v>21507400</v>
      </c>
      <c r="C134" s="344">
        <v>21507400</v>
      </c>
      <c r="D134" s="623">
        <v>224</v>
      </c>
      <c r="E134" s="344">
        <v>7760.02</v>
      </c>
      <c r="F134" s="344">
        <v>8.1674407163945264E-5</v>
      </c>
      <c r="G134" s="344">
        <v>21499639.98</v>
      </c>
      <c r="H134" s="344">
        <v>1859</v>
      </c>
      <c r="I134" s="344">
        <v>7759.02</v>
      </c>
      <c r="J134" s="344">
        <v>1.2264508972289079E-4</v>
      </c>
      <c r="K134" s="344">
        <v>21499640.98</v>
      </c>
      <c r="L134" s="354"/>
      <c r="M134" s="174"/>
    </row>
    <row r="135" spans="1:13" ht="10.5" x14ac:dyDescent="0.2">
      <c r="A135" s="648" t="s">
        <v>712</v>
      </c>
      <c r="B135" s="337">
        <v>21507400</v>
      </c>
      <c r="C135" s="337">
        <v>21507400</v>
      </c>
      <c r="D135" s="625">
        <v>224</v>
      </c>
      <c r="E135" s="337">
        <v>7760.02</v>
      </c>
      <c r="F135" s="337">
        <v>8.1674407163945264E-5</v>
      </c>
      <c r="G135" s="337">
        <v>21499639.98</v>
      </c>
      <c r="H135" s="337">
        <v>1859</v>
      </c>
      <c r="I135" s="337">
        <v>7759.02</v>
      </c>
      <c r="J135" s="337">
        <v>1.2264508972289079E-4</v>
      </c>
      <c r="K135" s="337">
        <v>21499640.98</v>
      </c>
      <c r="L135" s="338"/>
    </row>
    <row r="136" spans="1:13" ht="10.5" x14ac:dyDescent="0.2">
      <c r="A136" s="648"/>
      <c r="B136" s="337"/>
      <c r="C136" s="344"/>
      <c r="D136" s="344"/>
      <c r="E136" s="344"/>
      <c r="F136" s="344"/>
      <c r="G136" s="344"/>
      <c r="H136" s="344"/>
      <c r="I136" s="344"/>
      <c r="J136" s="337"/>
      <c r="K136" s="337"/>
      <c r="L136" s="354"/>
    </row>
    <row r="137" spans="1:13" s="75" customFormat="1" ht="10.5" x14ac:dyDescent="0.2">
      <c r="A137" s="159" t="s">
        <v>714</v>
      </c>
      <c r="B137" s="344">
        <v>38954900</v>
      </c>
      <c r="C137" s="344">
        <v>35804913.399999999</v>
      </c>
      <c r="D137" s="344">
        <v>10867552.080000002</v>
      </c>
      <c r="E137" s="344">
        <v>18580935.200000003</v>
      </c>
      <c r="F137" s="344">
        <v>0.1955648138808512</v>
      </c>
      <c r="G137" s="344">
        <v>17223978.199999996</v>
      </c>
      <c r="H137" s="344">
        <v>3775924.15</v>
      </c>
      <c r="I137" s="344">
        <v>10505422.330000009</v>
      </c>
      <c r="J137" s="344">
        <v>0.16605685566472458</v>
      </c>
      <c r="K137" s="344">
        <v>25299491.069999993</v>
      </c>
      <c r="L137" s="354"/>
      <c r="M137" s="174"/>
    </row>
    <row r="138" spans="1:13" ht="10.5" x14ac:dyDescent="0.2">
      <c r="A138" s="648" t="s">
        <v>860</v>
      </c>
      <c r="B138" s="337">
        <v>151600</v>
      </c>
      <c r="C138" s="337">
        <v>151600</v>
      </c>
      <c r="D138" s="337">
        <v>0</v>
      </c>
      <c r="E138" s="337">
        <v>0</v>
      </c>
      <c r="F138" s="337">
        <v>0</v>
      </c>
      <c r="G138" s="337">
        <v>151600</v>
      </c>
      <c r="H138" s="337">
        <v>0</v>
      </c>
      <c r="I138" s="337">
        <v>0</v>
      </c>
      <c r="J138" s="337">
        <v>0</v>
      </c>
      <c r="K138" s="337">
        <v>151600</v>
      </c>
      <c r="L138" s="354"/>
    </row>
    <row r="139" spans="1:13" ht="10.5" x14ac:dyDescent="0.2">
      <c r="A139" s="240" t="s">
        <v>759</v>
      </c>
      <c r="B139" s="337">
        <v>18149000</v>
      </c>
      <c r="C139" s="337">
        <v>18089000</v>
      </c>
      <c r="D139" s="337">
        <v>5723104</v>
      </c>
      <c r="E139" s="337">
        <v>10282996.300000001</v>
      </c>
      <c r="F139" s="337">
        <v>0.10822879666180535</v>
      </c>
      <c r="G139" s="337">
        <v>7806003.6999999993</v>
      </c>
      <c r="H139" s="337">
        <v>2053377.7100000004</v>
      </c>
      <c r="I139" s="337">
        <v>5990633.8000000054</v>
      </c>
      <c r="J139" s="337">
        <v>9.4692605496310464E-2</v>
      </c>
      <c r="K139" s="337">
        <v>12098366.199999996</v>
      </c>
      <c r="L139" s="354"/>
    </row>
    <row r="140" spans="1:13" ht="10.5" x14ac:dyDescent="0.2">
      <c r="A140" s="648" t="s">
        <v>715</v>
      </c>
      <c r="B140" s="337">
        <v>8583400</v>
      </c>
      <c r="C140" s="337">
        <v>8323623.3999999985</v>
      </c>
      <c r="D140" s="337">
        <v>3714738.96</v>
      </c>
      <c r="E140" s="337">
        <v>6122641.790000001</v>
      </c>
      <c r="F140" s="337">
        <v>6.4440960007248263E-2</v>
      </c>
      <c r="G140" s="337">
        <v>2200981.6099999975</v>
      </c>
      <c r="H140" s="337">
        <v>1133166.9599999997</v>
      </c>
      <c r="I140" s="337">
        <v>3294493.8100000038</v>
      </c>
      <c r="J140" s="337">
        <v>5.2075325095045345E-2</v>
      </c>
      <c r="K140" s="337">
        <v>5029129.5899999943</v>
      </c>
      <c r="L140" s="354"/>
    </row>
    <row r="141" spans="1:13" ht="10.5" x14ac:dyDescent="0.2">
      <c r="A141" s="648" t="s">
        <v>716</v>
      </c>
      <c r="B141" s="337">
        <v>12070900</v>
      </c>
      <c r="C141" s="337">
        <v>9240690</v>
      </c>
      <c r="D141" s="337">
        <v>1429709.1200000003</v>
      </c>
      <c r="E141" s="337">
        <v>2175297.1100000008</v>
      </c>
      <c r="F141" s="337">
        <v>2.2895057211797586E-2</v>
      </c>
      <c r="G141" s="337">
        <v>7065392.8899999987</v>
      </c>
      <c r="H141" s="337">
        <v>589379.4800000001</v>
      </c>
      <c r="I141" s="337">
        <v>1220294.7200000002</v>
      </c>
      <c r="J141" s="337">
        <v>1.9288925073368789E-2</v>
      </c>
      <c r="K141" s="337">
        <v>8020395.2799999993</v>
      </c>
      <c r="L141" s="354"/>
    </row>
    <row r="142" spans="1:13" ht="10.5" x14ac:dyDescent="0.2">
      <c r="A142" s="648"/>
      <c r="B142" s="337"/>
      <c r="C142" s="337"/>
      <c r="D142" s="337"/>
      <c r="E142" s="337"/>
      <c r="F142" s="337"/>
      <c r="G142" s="337"/>
      <c r="H142" s="337"/>
      <c r="I142" s="337"/>
      <c r="J142" s="337"/>
      <c r="K142" s="337"/>
      <c r="L142" s="354"/>
    </row>
    <row r="143" spans="1:13" s="75" customFormat="1" ht="10.5" x14ac:dyDescent="0.2">
      <c r="A143" s="159" t="s">
        <v>717</v>
      </c>
      <c r="B143" s="344">
        <v>42633100</v>
      </c>
      <c r="C143" s="344">
        <v>61633100</v>
      </c>
      <c r="D143" s="344">
        <v>7522404.0300000003</v>
      </c>
      <c r="E143" s="344">
        <v>15630477.34</v>
      </c>
      <c r="F143" s="344">
        <v>0.16451117013022906</v>
      </c>
      <c r="G143" s="344">
        <v>46002622.659999996</v>
      </c>
      <c r="H143" s="344">
        <v>6919293.4800000004</v>
      </c>
      <c r="I143" s="344">
        <v>10985787.189999999</v>
      </c>
      <c r="J143" s="344">
        <v>0.17364987531854978</v>
      </c>
      <c r="K143" s="344">
        <v>50647312.810000002</v>
      </c>
      <c r="L143" s="354"/>
      <c r="M143" s="174"/>
    </row>
    <row r="144" spans="1:13" s="301" customFormat="1" ht="10.5" x14ac:dyDescent="0.2">
      <c r="A144" s="648" t="s">
        <v>657</v>
      </c>
      <c r="B144" s="337">
        <v>39113000</v>
      </c>
      <c r="C144" s="337">
        <v>58113000</v>
      </c>
      <c r="D144" s="337">
        <v>7282156.04</v>
      </c>
      <c r="E144" s="337">
        <v>14898455.49</v>
      </c>
      <c r="F144" s="337">
        <v>0.15680662160718345</v>
      </c>
      <c r="G144" s="337">
        <v>43214544.509999998</v>
      </c>
      <c r="H144" s="337">
        <v>6687461.3300000001</v>
      </c>
      <c r="I144" s="337">
        <v>10270813.02</v>
      </c>
      <c r="J144" s="337">
        <v>0.16234843889626974</v>
      </c>
      <c r="K144" s="337">
        <v>47842186.980000004</v>
      </c>
      <c r="L144" s="338"/>
      <c r="M144" s="240"/>
    </row>
    <row r="145" spans="1:13" s="301" customFormat="1" ht="10.5" x14ac:dyDescent="0.2">
      <c r="A145" s="648" t="s">
        <v>759</v>
      </c>
      <c r="B145" s="337">
        <v>3520100</v>
      </c>
      <c r="C145" s="337">
        <v>3520100.0000000014</v>
      </c>
      <c r="D145" s="337">
        <v>240247.99000000002</v>
      </c>
      <c r="E145" s="337">
        <v>732021.85</v>
      </c>
      <c r="F145" s="337">
        <v>7.7045485230456193E-3</v>
      </c>
      <c r="G145" s="337">
        <v>2788078.1500000013</v>
      </c>
      <c r="H145" s="337">
        <v>231832.15000000005</v>
      </c>
      <c r="I145" s="337">
        <v>714974.17</v>
      </c>
      <c r="J145" s="337">
        <v>1.1301436422280053E-2</v>
      </c>
      <c r="K145" s="337">
        <v>2805125.8300000015</v>
      </c>
      <c r="L145" s="338"/>
      <c r="M145" s="240"/>
    </row>
    <row r="146" spans="1:13" s="301" customFormat="1" ht="10.5" x14ac:dyDescent="0.2">
      <c r="A146" s="648"/>
      <c r="B146" s="337"/>
      <c r="C146" s="337"/>
      <c r="D146" s="337"/>
      <c r="E146" s="337"/>
      <c r="F146" s="337"/>
      <c r="G146" s="337"/>
      <c r="H146" s="337"/>
      <c r="I146" s="337"/>
      <c r="J146" s="337"/>
      <c r="K146" s="337"/>
      <c r="L146" s="338"/>
      <c r="M146" s="240"/>
    </row>
    <row r="147" spans="1:13" s="75" customFormat="1" ht="10.5" x14ac:dyDescent="0.2">
      <c r="A147" s="159" t="s">
        <v>718</v>
      </c>
      <c r="B147" s="344">
        <v>36724000</v>
      </c>
      <c r="C147" s="344">
        <v>34073500</v>
      </c>
      <c r="D147" s="344">
        <v>0</v>
      </c>
      <c r="E147" s="344">
        <v>0</v>
      </c>
      <c r="F147" s="344">
        <v>0</v>
      </c>
      <c r="G147" s="344">
        <v>34073500</v>
      </c>
      <c r="H147" s="344">
        <v>0</v>
      </c>
      <c r="I147" s="344">
        <v>0</v>
      </c>
      <c r="J147" s="344">
        <v>0</v>
      </c>
      <c r="K147" s="344">
        <v>34073500</v>
      </c>
      <c r="L147" s="354"/>
      <c r="M147" s="174"/>
    </row>
    <row r="148" spans="1:13" ht="10.5" x14ac:dyDescent="0.2">
      <c r="A148" s="648" t="s">
        <v>704</v>
      </c>
      <c r="B148" s="337">
        <v>2624000</v>
      </c>
      <c r="C148" s="337">
        <v>2624000</v>
      </c>
      <c r="D148" s="337">
        <v>0</v>
      </c>
      <c r="E148" s="337">
        <v>0</v>
      </c>
      <c r="F148" s="337">
        <v>0</v>
      </c>
      <c r="G148" s="337">
        <v>2624000</v>
      </c>
      <c r="H148" s="337">
        <v>0</v>
      </c>
      <c r="I148" s="337">
        <v>0</v>
      </c>
      <c r="J148" s="337">
        <v>0</v>
      </c>
      <c r="K148" s="337">
        <v>2624000</v>
      </c>
      <c r="L148" s="354"/>
    </row>
    <row r="149" spans="1:13" ht="10.5" x14ac:dyDescent="0.2">
      <c r="A149" s="648" t="s">
        <v>719</v>
      </c>
      <c r="B149" s="337">
        <v>34100000</v>
      </c>
      <c r="C149" s="337">
        <v>31449500</v>
      </c>
      <c r="D149" s="337">
        <v>0</v>
      </c>
      <c r="E149" s="337">
        <v>0</v>
      </c>
      <c r="F149" s="337">
        <v>0</v>
      </c>
      <c r="G149" s="337">
        <v>31449500</v>
      </c>
      <c r="H149" s="337">
        <v>0</v>
      </c>
      <c r="I149" s="337">
        <v>0</v>
      </c>
      <c r="J149" s="337">
        <v>0</v>
      </c>
      <c r="K149" s="337">
        <v>31449500</v>
      </c>
      <c r="L149" s="354"/>
    </row>
    <row r="150" spans="1:13" ht="10.5" x14ac:dyDescent="0.2">
      <c r="A150" s="648"/>
      <c r="B150" s="337"/>
      <c r="C150" s="337"/>
      <c r="D150" s="337"/>
      <c r="E150" s="337"/>
      <c r="F150" s="337"/>
      <c r="G150" s="337"/>
      <c r="H150" s="337"/>
      <c r="I150" s="337"/>
      <c r="J150" s="344"/>
      <c r="K150" s="344"/>
      <c r="L150" s="354"/>
    </row>
    <row r="151" spans="1:13" s="75" customFormat="1" ht="10.5" x14ac:dyDescent="0.2">
      <c r="A151" s="159" t="s">
        <v>720</v>
      </c>
      <c r="B151" s="344">
        <v>624942200</v>
      </c>
      <c r="C151" s="344">
        <v>603824700</v>
      </c>
      <c r="D151" s="344">
        <v>101083569.38</v>
      </c>
      <c r="E151" s="344">
        <v>276478280.20999998</v>
      </c>
      <c r="F151" s="344">
        <v>2.9099409060619545</v>
      </c>
      <c r="G151" s="344">
        <v>327346419.78999996</v>
      </c>
      <c r="H151" s="344">
        <v>70064188.000000015</v>
      </c>
      <c r="I151" s="344">
        <v>171683434.34000003</v>
      </c>
      <c r="J151" s="344">
        <v>2.7137615586199457</v>
      </c>
      <c r="K151" s="344">
        <v>432141265.65999997</v>
      </c>
      <c r="L151" s="354"/>
      <c r="M151" s="174"/>
    </row>
    <row r="152" spans="1:13" ht="10.5" x14ac:dyDescent="0.2">
      <c r="A152" s="24" t="s">
        <v>651</v>
      </c>
      <c r="B152" s="337">
        <v>57620000</v>
      </c>
      <c r="C152" s="337">
        <v>78479499.99999997</v>
      </c>
      <c r="D152" s="337">
        <v>39096746.219999999</v>
      </c>
      <c r="E152" s="337">
        <v>62709862.460000046</v>
      </c>
      <c r="F152" s="337">
        <v>0.66002289166175476</v>
      </c>
      <c r="G152" s="337">
        <v>15769637.539999925</v>
      </c>
      <c r="H152" s="337">
        <v>10510385.66</v>
      </c>
      <c r="I152" s="337">
        <v>29030791.220000014</v>
      </c>
      <c r="J152" s="337">
        <v>0.45888320869174354</v>
      </c>
      <c r="K152" s="337">
        <v>49448708.779999956</v>
      </c>
      <c r="L152" s="354"/>
    </row>
    <row r="153" spans="1:13" ht="10.5" x14ac:dyDescent="0.2">
      <c r="A153" s="648" t="s">
        <v>721</v>
      </c>
      <c r="B153" s="337">
        <v>9000000</v>
      </c>
      <c r="C153" s="337">
        <v>114000.00000000023</v>
      </c>
      <c r="D153" s="337">
        <v>0</v>
      </c>
      <c r="E153" s="337">
        <v>42056.26</v>
      </c>
      <c r="F153" s="337">
        <v>4.4264320234132701E-4</v>
      </c>
      <c r="G153" s="337">
        <v>71943.740000000224</v>
      </c>
      <c r="H153" s="337">
        <v>0</v>
      </c>
      <c r="I153" s="337">
        <v>42056.26</v>
      </c>
      <c r="J153" s="337">
        <v>6.6477387364760284E-4</v>
      </c>
      <c r="K153" s="337">
        <v>71943.740000000224</v>
      </c>
      <c r="L153" s="354"/>
    </row>
    <row r="154" spans="1:13" ht="10.5" x14ac:dyDescent="0.2">
      <c r="A154" s="648" t="s">
        <v>722</v>
      </c>
      <c r="B154" s="337">
        <v>540022200</v>
      </c>
      <c r="C154" s="337">
        <v>510611200</v>
      </c>
      <c r="D154" s="337">
        <v>61986823.159999996</v>
      </c>
      <c r="E154" s="337">
        <v>213585069.48999995</v>
      </c>
      <c r="F154" s="337">
        <v>2.2479882693170636</v>
      </c>
      <c r="G154" s="337">
        <v>297026130.51000005</v>
      </c>
      <c r="H154" s="337">
        <v>59553802.340000011</v>
      </c>
      <c r="I154" s="337">
        <v>142469294.86000001</v>
      </c>
      <c r="J154" s="337">
        <v>2.2519802050853954</v>
      </c>
      <c r="K154" s="337">
        <v>368141905.13999999</v>
      </c>
      <c r="L154" s="354"/>
    </row>
    <row r="155" spans="1:13" ht="10.5" x14ac:dyDescent="0.2">
      <c r="A155" s="648" t="s">
        <v>723</v>
      </c>
      <c r="B155" s="337">
        <v>14300000</v>
      </c>
      <c r="C155" s="337">
        <v>14120000</v>
      </c>
      <c r="D155" s="337">
        <v>0</v>
      </c>
      <c r="E155" s="337">
        <v>141292</v>
      </c>
      <c r="F155" s="337">
        <v>1.4871018807951725E-3</v>
      </c>
      <c r="G155" s="337">
        <v>13978708</v>
      </c>
      <c r="H155" s="337">
        <v>0</v>
      </c>
      <c r="I155" s="337">
        <v>141292</v>
      </c>
      <c r="J155" s="337">
        <v>2.2333709691593376E-3</v>
      </c>
      <c r="K155" s="337">
        <v>13978708</v>
      </c>
      <c r="L155" s="354"/>
    </row>
    <row r="156" spans="1:13" ht="10.5" x14ac:dyDescent="0.2">
      <c r="A156" s="648" t="s">
        <v>724</v>
      </c>
      <c r="B156" s="337">
        <v>4000000</v>
      </c>
      <c r="C156" s="337">
        <v>500000</v>
      </c>
      <c r="D156" s="337">
        <v>0</v>
      </c>
      <c r="E156" s="337">
        <v>0</v>
      </c>
      <c r="F156" s="337">
        <v>0</v>
      </c>
      <c r="G156" s="337">
        <v>500000</v>
      </c>
      <c r="H156" s="337">
        <v>0</v>
      </c>
      <c r="I156" s="337">
        <v>0</v>
      </c>
      <c r="J156" s="337">
        <v>0</v>
      </c>
      <c r="K156" s="337">
        <v>500000</v>
      </c>
      <c r="L156" s="354"/>
    </row>
    <row r="157" spans="1:13" s="208" customFormat="1" ht="10.5" x14ac:dyDescent="0.2">
      <c r="A157" s="648"/>
      <c r="B157" s="337"/>
      <c r="C157" s="344"/>
      <c r="D157" s="344"/>
      <c r="E157" s="344"/>
      <c r="F157" s="344"/>
      <c r="G157" s="337"/>
      <c r="H157" s="344"/>
      <c r="I157" s="344"/>
      <c r="J157" s="337"/>
      <c r="K157" s="344"/>
      <c r="L157" s="354"/>
      <c r="M157" s="240"/>
    </row>
    <row r="158" spans="1:13" s="75" customFormat="1" ht="10.5" x14ac:dyDescent="0.2">
      <c r="A158" s="159" t="s">
        <v>725</v>
      </c>
      <c r="B158" s="344">
        <v>21680800</v>
      </c>
      <c r="C158" s="344">
        <v>21596800</v>
      </c>
      <c r="D158" s="344">
        <v>2309415.5700000003</v>
      </c>
      <c r="E158" s="344">
        <v>4330596.71</v>
      </c>
      <c r="F158" s="344">
        <v>4.5579640124043724E-2</v>
      </c>
      <c r="G158" s="344">
        <v>17266203.289999999</v>
      </c>
      <c r="H158" s="344">
        <v>1406539.33</v>
      </c>
      <c r="I158" s="344">
        <v>3286499.43</v>
      </c>
      <c r="J158" s="344">
        <v>5.1948959722565406E-2</v>
      </c>
      <c r="K158" s="344">
        <v>18310300.57</v>
      </c>
      <c r="L158" s="354"/>
      <c r="M158" s="174"/>
    </row>
    <row r="159" spans="1:13" ht="10.5" x14ac:dyDescent="0.2">
      <c r="A159" s="648" t="s">
        <v>726</v>
      </c>
      <c r="B159" s="337">
        <v>12685000</v>
      </c>
      <c r="C159" s="337">
        <v>12685000</v>
      </c>
      <c r="D159" s="337">
        <v>930507.64999999991</v>
      </c>
      <c r="E159" s="337">
        <v>1917159.8</v>
      </c>
      <c r="F159" s="337">
        <v>2.0178155482015236E-2</v>
      </c>
      <c r="G159" s="337">
        <v>10767840.199999999</v>
      </c>
      <c r="H159" s="337">
        <v>843278.7100000002</v>
      </c>
      <c r="I159" s="337">
        <v>1726858.7699999996</v>
      </c>
      <c r="J159" s="337">
        <v>2.7296069450189683E-2</v>
      </c>
      <c r="K159" s="337">
        <v>10958141.23</v>
      </c>
      <c r="L159" s="354"/>
    </row>
    <row r="160" spans="1:13" ht="10.5" x14ac:dyDescent="0.2">
      <c r="A160" s="648" t="s">
        <v>727</v>
      </c>
      <c r="B160" s="337">
        <v>8995800</v>
      </c>
      <c r="C160" s="337">
        <v>8911799.9999999981</v>
      </c>
      <c r="D160" s="337">
        <v>1378907.9200000002</v>
      </c>
      <c r="E160" s="337">
        <v>2413436.9099999997</v>
      </c>
      <c r="F160" s="337">
        <v>2.5401484642028488E-2</v>
      </c>
      <c r="G160" s="337">
        <v>6498363.089999998</v>
      </c>
      <c r="H160" s="337">
        <v>563260.62</v>
      </c>
      <c r="I160" s="337">
        <v>1559640.6600000006</v>
      </c>
      <c r="J160" s="337">
        <v>2.4652890272375723E-2</v>
      </c>
      <c r="K160" s="337">
        <v>7352159.339999998</v>
      </c>
      <c r="L160" s="354"/>
    </row>
    <row r="161" spans="1:13" ht="10.5" x14ac:dyDescent="0.2">
      <c r="A161" s="648"/>
      <c r="B161" s="337"/>
      <c r="C161" s="344"/>
      <c r="D161" s="344"/>
      <c r="E161" s="344"/>
      <c r="F161" s="344"/>
      <c r="G161" s="337"/>
      <c r="H161" s="344"/>
      <c r="I161" s="344"/>
      <c r="J161" s="344"/>
      <c r="K161" s="344"/>
      <c r="L161" s="354"/>
    </row>
    <row r="162" spans="1:13" s="75" customFormat="1" ht="10.5" x14ac:dyDescent="0.2">
      <c r="A162" s="159" t="s">
        <v>728</v>
      </c>
      <c r="B162" s="344">
        <v>3188200900</v>
      </c>
      <c r="C162" s="344">
        <v>3084234600</v>
      </c>
      <c r="D162" s="344">
        <v>1812896193.5300002</v>
      </c>
      <c r="E162" s="344">
        <v>2998392319.1800003</v>
      </c>
      <c r="F162" s="344">
        <v>31.558155148305477</v>
      </c>
      <c r="G162" s="344">
        <v>85842280.820000023</v>
      </c>
      <c r="H162" s="344">
        <v>475912933</v>
      </c>
      <c r="I162" s="344">
        <v>1639778254.6000001</v>
      </c>
      <c r="J162" s="344">
        <v>25.919607264971901</v>
      </c>
      <c r="K162" s="344">
        <v>1444456345.3999999</v>
      </c>
      <c r="L162" s="354"/>
      <c r="M162" s="174"/>
    </row>
    <row r="163" spans="1:13" s="449" customFormat="1" ht="10.5" x14ac:dyDescent="0.2">
      <c r="A163" s="447" t="s">
        <v>809</v>
      </c>
      <c r="B163" s="448">
        <v>902294300</v>
      </c>
      <c r="C163" s="337">
        <v>796730000</v>
      </c>
      <c r="D163" s="337">
        <v>462688900</v>
      </c>
      <c r="E163" s="337">
        <v>792788700</v>
      </c>
      <c r="F163" s="337">
        <v>8.3441211593236684</v>
      </c>
      <c r="G163" s="337">
        <v>3941300</v>
      </c>
      <c r="H163" s="337">
        <v>85534842.680000007</v>
      </c>
      <c r="I163" s="337">
        <v>413001618.96999997</v>
      </c>
      <c r="J163" s="337">
        <v>6.5282240043555495</v>
      </c>
      <c r="K163" s="337">
        <v>383728381.03000003</v>
      </c>
      <c r="L163" s="354"/>
      <c r="M163" s="566"/>
    </row>
    <row r="164" spans="1:13" ht="10.5" x14ac:dyDescent="0.2">
      <c r="A164" s="648" t="s">
        <v>729</v>
      </c>
      <c r="B164" s="337">
        <v>110205800</v>
      </c>
      <c r="C164" s="337">
        <v>112084800</v>
      </c>
      <c r="D164" s="337">
        <v>71860786.669999987</v>
      </c>
      <c r="E164" s="337">
        <v>110221515.66999999</v>
      </c>
      <c r="F164" s="337">
        <v>1.1600842457955973</v>
      </c>
      <c r="G164" s="337">
        <v>1863284.3300000131</v>
      </c>
      <c r="H164" s="337">
        <v>23156317.539999999</v>
      </c>
      <c r="I164" s="337">
        <v>60778460.790000007</v>
      </c>
      <c r="J164" s="337">
        <v>0.96071150439214614</v>
      </c>
      <c r="K164" s="337">
        <v>51306339.209999993</v>
      </c>
      <c r="L164" s="354"/>
    </row>
    <row r="165" spans="1:13" ht="10.5" x14ac:dyDescent="0.2">
      <c r="A165" s="648" t="s">
        <v>730</v>
      </c>
      <c r="B165" s="337">
        <v>25403600</v>
      </c>
      <c r="C165" s="337">
        <v>25122600</v>
      </c>
      <c r="D165" s="337">
        <v>17318000</v>
      </c>
      <c r="E165" s="337">
        <v>20518000</v>
      </c>
      <c r="F165" s="337">
        <v>0.21595246999232334</v>
      </c>
      <c r="G165" s="337">
        <v>4604600</v>
      </c>
      <c r="H165" s="337">
        <v>8934800.8200000003</v>
      </c>
      <c r="I165" s="337">
        <v>11860167.459999999</v>
      </c>
      <c r="J165" s="337">
        <v>0.18747100822787022</v>
      </c>
      <c r="K165" s="337">
        <v>13262432.540000001</v>
      </c>
      <c r="L165" s="354"/>
    </row>
    <row r="166" spans="1:13" ht="10.5" x14ac:dyDescent="0.2">
      <c r="A166" s="648" t="s">
        <v>760</v>
      </c>
      <c r="B166" s="337">
        <v>1939605500</v>
      </c>
      <c r="C166" s="337">
        <v>1939582500</v>
      </c>
      <c r="D166" s="337">
        <v>1198175131.9000001</v>
      </c>
      <c r="E166" s="337">
        <v>1931993200</v>
      </c>
      <c r="F166" s="337">
        <v>20.334277392941452</v>
      </c>
      <c r="G166" s="337">
        <v>7589300</v>
      </c>
      <c r="H166" s="337">
        <v>317701978.94999999</v>
      </c>
      <c r="I166" s="337">
        <v>1041058922.0800002</v>
      </c>
      <c r="J166" s="337">
        <v>16.455784996728656</v>
      </c>
      <c r="K166" s="337">
        <v>898523577.91999984</v>
      </c>
      <c r="L166" s="354"/>
    </row>
    <row r="167" spans="1:13" ht="10.5" x14ac:dyDescent="0.2">
      <c r="A167" s="648" t="s">
        <v>731</v>
      </c>
      <c r="B167" s="337">
        <v>210691700</v>
      </c>
      <c r="C167" s="337">
        <v>210714700</v>
      </c>
      <c r="D167" s="337">
        <v>62853374.960000001</v>
      </c>
      <c r="E167" s="337">
        <v>142870903.50999999</v>
      </c>
      <c r="F167" s="337">
        <v>1.5037198802524319</v>
      </c>
      <c r="G167" s="337">
        <v>67843796.49000001</v>
      </c>
      <c r="H167" s="337">
        <v>40584993.009999998</v>
      </c>
      <c r="I167" s="337">
        <v>113079085.29999998</v>
      </c>
      <c r="J167" s="337">
        <v>1.7874157512676754</v>
      </c>
      <c r="K167" s="337">
        <v>97635614.700000018</v>
      </c>
      <c r="L167" s="354"/>
    </row>
    <row r="168" spans="1:13" ht="10.5" customHeight="1" x14ac:dyDescent="0.2">
      <c r="A168" s="648"/>
      <c r="B168" s="337"/>
      <c r="C168" s="344"/>
      <c r="D168" s="344"/>
      <c r="E168" s="344"/>
      <c r="F168" s="344"/>
      <c r="G168" s="344"/>
      <c r="H168" s="344"/>
      <c r="I168" s="344"/>
      <c r="J168" s="344"/>
      <c r="K168" s="344"/>
      <c r="L168" s="354"/>
    </row>
    <row r="169" spans="1:13" s="75" customFormat="1" ht="10.5" customHeight="1" x14ac:dyDescent="0.2">
      <c r="A169" s="160" t="s">
        <v>732</v>
      </c>
      <c r="B169" s="344">
        <v>116875200</v>
      </c>
      <c r="C169" s="344">
        <v>78915000</v>
      </c>
      <c r="D169" s="344">
        <v>0</v>
      </c>
      <c r="E169" s="344">
        <v>0</v>
      </c>
      <c r="F169" s="344">
        <v>0</v>
      </c>
      <c r="G169" s="344">
        <v>78915000</v>
      </c>
      <c r="H169" s="344">
        <v>0</v>
      </c>
      <c r="I169" s="344">
        <v>0</v>
      </c>
      <c r="J169" s="344">
        <v>0</v>
      </c>
      <c r="K169" s="344">
        <v>78915000</v>
      </c>
      <c r="L169" s="354"/>
      <c r="M169" s="174"/>
    </row>
    <row r="170" spans="1:13" ht="10.5" x14ac:dyDescent="0.2">
      <c r="A170" s="24" t="s">
        <v>734</v>
      </c>
      <c r="B170" s="337">
        <v>28960200</v>
      </c>
      <c r="C170" s="337">
        <v>0</v>
      </c>
      <c r="D170" s="337">
        <v>0</v>
      </c>
      <c r="E170" s="337">
        <v>0</v>
      </c>
      <c r="F170" s="344">
        <v>0</v>
      </c>
      <c r="G170" s="337">
        <v>0</v>
      </c>
      <c r="H170" s="337">
        <v>0</v>
      </c>
      <c r="I170" s="337">
        <v>0</v>
      </c>
      <c r="J170" s="337">
        <v>0</v>
      </c>
      <c r="K170" s="337">
        <v>0</v>
      </c>
      <c r="L170" s="354"/>
    </row>
    <row r="171" spans="1:13" ht="11.25" customHeight="1" x14ac:dyDescent="0.2">
      <c r="A171" s="24" t="s">
        <v>733</v>
      </c>
      <c r="B171" s="337">
        <v>87915000</v>
      </c>
      <c r="C171" s="337">
        <v>78915000</v>
      </c>
      <c r="D171" s="337">
        <v>0</v>
      </c>
      <c r="E171" s="337">
        <v>0</v>
      </c>
      <c r="F171" s="344">
        <v>0</v>
      </c>
      <c r="G171" s="337">
        <v>78915000</v>
      </c>
      <c r="H171" s="337">
        <v>0</v>
      </c>
      <c r="I171" s="337">
        <v>0</v>
      </c>
      <c r="J171" s="337">
        <v>0</v>
      </c>
      <c r="K171" s="337">
        <v>78915000</v>
      </c>
      <c r="L171" s="354"/>
    </row>
    <row r="172" spans="1:13" ht="11.25" customHeight="1" x14ac:dyDescent="0.2">
      <c r="A172" s="24"/>
      <c r="B172" s="337"/>
      <c r="C172" s="337"/>
      <c r="D172" s="337"/>
      <c r="E172" s="337"/>
      <c r="F172" s="337"/>
      <c r="G172" s="337"/>
      <c r="H172" s="337"/>
      <c r="I172" s="337"/>
      <c r="J172" s="344"/>
      <c r="K172" s="344"/>
      <c r="L172" s="354"/>
    </row>
    <row r="173" spans="1:13" s="75" customFormat="1" ht="15" customHeight="1" x14ac:dyDescent="0.2">
      <c r="A173" s="159" t="s">
        <v>221</v>
      </c>
      <c r="B173" s="344">
        <v>931270300</v>
      </c>
      <c r="C173" s="344">
        <v>1105784075.8699999</v>
      </c>
      <c r="D173" s="344">
        <v>315211601.90999991</v>
      </c>
      <c r="E173" s="344">
        <v>899510935.53999996</v>
      </c>
      <c r="F173" s="344">
        <v>9.4673753930679663</v>
      </c>
      <c r="G173" s="344">
        <v>206273140.32999992</v>
      </c>
      <c r="H173" s="344">
        <v>250887602.32000002</v>
      </c>
      <c r="I173" s="344">
        <v>734375186.99999988</v>
      </c>
      <c r="J173" s="344">
        <v>11.608103948679044</v>
      </c>
      <c r="K173" s="344">
        <v>371408888.86999995</v>
      </c>
      <c r="L173" s="354"/>
      <c r="M173" s="174"/>
    </row>
    <row r="174" spans="1:13" ht="15" customHeight="1" x14ac:dyDescent="0.2">
      <c r="A174" s="647" t="s">
        <v>222</v>
      </c>
      <c r="B174" s="356">
        <v>13057110000</v>
      </c>
      <c r="C174" s="356">
        <v>13651158439</v>
      </c>
      <c r="D174" s="356">
        <v>4342550205.4300003</v>
      </c>
      <c r="E174" s="356">
        <v>9501164770.5300026</v>
      </c>
      <c r="F174" s="459">
        <v>100</v>
      </c>
      <c r="G174" s="356">
        <v>4149993668.4699998</v>
      </c>
      <c r="H174" s="356">
        <v>2282411578.6999998</v>
      </c>
      <c r="I174" s="356">
        <v>6326400851.0500011</v>
      </c>
      <c r="J174" s="459">
        <v>100</v>
      </c>
      <c r="K174" s="454">
        <v>7324757587.9499998</v>
      </c>
      <c r="L174" s="456"/>
    </row>
    <row r="175" spans="1:13" ht="11.25" customHeight="1" x14ac:dyDescent="0.2">
      <c r="A175" s="74" t="s">
        <v>880</v>
      </c>
      <c r="L175" s="330"/>
    </row>
    <row r="176" spans="1:13" ht="11.25" customHeight="1" x14ac:dyDescent="0.2">
      <c r="A176" s="649"/>
      <c r="D176" s="225"/>
      <c r="I176" s="225"/>
    </row>
    <row r="177" spans="1:13" s="301" customFormat="1" ht="11.25" customHeight="1" x14ac:dyDescent="0.2">
      <c r="A177" s="649"/>
      <c r="B177" s="225"/>
      <c r="C177" s="225"/>
      <c r="D177" s="225"/>
      <c r="E177" s="225"/>
      <c r="F177" s="225"/>
      <c r="G177" s="225"/>
      <c r="H177" s="225"/>
      <c r="I177" s="225"/>
      <c r="J177" s="672"/>
      <c r="K177" s="672"/>
      <c r="L177" s="52"/>
      <c r="M177" s="240"/>
    </row>
    <row r="178" spans="1:13" s="301" customFormat="1" ht="11.25" customHeight="1" x14ac:dyDescent="0.2">
      <c r="A178" s="649"/>
      <c r="B178" s="672"/>
      <c r="C178" s="672"/>
      <c r="D178" s="225"/>
      <c r="E178" s="672"/>
      <c r="F178" s="672"/>
      <c r="G178" s="672"/>
      <c r="H178" s="672"/>
      <c r="I178" s="225"/>
      <c r="J178" s="672"/>
      <c r="K178" s="672"/>
      <c r="L178" s="52"/>
      <c r="M178" s="240"/>
    </row>
    <row r="179" spans="1:13" s="301" customFormat="1" ht="11.25" customHeight="1" x14ac:dyDescent="0.2">
      <c r="A179" s="649"/>
      <c r="B179" s="52"/>
      <c r="C179" s="52"/>
      <c r="D179" s="225"/>
      <c r="E179" s="52"/>
      <c r="F179" s="52"/>
      <c r="G179" s="52"/>
      <c r="H179" s="52"/>
      <c r="I179" s="225"/>
      <c r="J179" s="52"/>
      <c r="K179" s="52"/>
      <c r="L179" s="52"/>
      <c r="M179" s="240"/>
    </row>
    <row r="184" spans="1:13" s="52" customFormat="1" ht="11.25" customHeight="1" x14ac:dyDescent="0.2"/>
    <row r="185" spans="1:13" s="52" customFormat="1" ht="11.25" customHeight="1" x14ac:dyDescent="0.2"/>
    <row r="186" spans="1:13" s="52" customFormat="1" ht="11.25" customHeight="1" x14ac:dyDescent="0.2"/>
    <row r="187" spans="1:13" s="52" customFormat="1" ht="11.25" customHeight="1" x14ac:dyDescent="0.2"/>
    <row r="188" spans="1:13" s="52" customFormat="1" ht="11.25" customHeight="1" x14ac:dyDescent="0.2"/>
    <row r="189" spans="1:13" s="52" customFormat="1" ht="11.25" customHeight="1" x14ac:dyDescent="0.2"/>
    <row r="190" spans="1:13" s="52" customFormat="1" ht="11.25" customHeight="1" x14ac:dyDescent="0.2"/>
  </sheetData>
  <customSheetViews>
    <customSheetView guid="{82EDB5A4-4824-4632-A540-7A52C92F04C7}" showPageBreaks="1" showGridLines="0" fitToPage="1" printArea="1">
      <selection activeCell="A6" sqref="A6:L6"/>
      <pageMargins left="0.19685039370078741" right="0.19685039370078741" top="0.19685039370078741" bottom="0.19685039370078741" header="0" footer="0"/>
      <printOptions horizontalCentered="1"/>
      <pageSetup paperSize="9" scale="41" orientation="portrait" r:id="rId1"/>
      <headerFooter alignWithMargins="0"/>
    </customSheetView>
    <customSheetView guid="{3AAF6A5F-F9AA-430B-9AD9-1261ECDF41B5}" scale="90" showPageBreaks="1" showGridLines="0" printArea="1" topLeftCell="B154">
      <selection activeCell="G178" sqref="G178"/>
      <rowBreaks count="1" manualBreakCount="1">
        <brk id="156" max="11" man="1"/>
      </rowBreaks>
      <pageMargins left="0.19685039370078741" right="0.19685039370078741" top="0.19685039370078741" bottom="0.19685039370078741" header="0" footer="0"/>
      <printOptions horizontalCentered="1"/>
      <pageSetup scale="42" fitToHeight="2" orientation="portrait" r:id="rId2"/>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3"/>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4"/>
      <headerFooter alignWithMargins="0"/>
    </customSheetView>
    <customSheetView guid="{6DBFA32C-4AA4-4E1D-9A48-697377C64CC3}" showPageBreaks="1" showGridLines="0" fitToPage="1" printArea="1">
      <selection activeCell="A6" sqref="A6:L6"/>
      <pageMargins left="0.19685039370078741" right="0.19685039370078741" top="0.19685039370078741" bottom="0.19685039370078741" header="0" footer="0"/>
      <printOptions horizontalCentered="1"/>
      <pageSetup paperSize="9" scale="41" orientation="portrait" r:id="rId5"/>
      <headerFooter alignWithMargins="0"/>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scale="42" fitToHeight="2" orientation="portrait" r:id="rId6"/>
      <headerFooter alignWithMargins="0"/>
    </customSheetView>
    <customSheetView guid="{C779D862-DE28-46CD-A428-4AAA1056D1E1}" showPageBreaks="1" showGridLines="0" fitToPage="1" printArea="1" topLeftCell="A161">
      <selection activeCell="A6" sqref="A6:L6"/>
      <pageMargins left="0.19685039370078741" right="0.19685039370078741" top="0.19685039370078741" bottom="0.19685039370078741" header="0" footer="0"/>
      <printOptions horizontalCentered="1"/>
      <pageSetup paperSize="9" scale="41"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40"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67"/>
  <sheetViews>
    <sheetView showGridLines="0" zoomScaleNormal="100" workbookViewId="0"/>
  </sheetViews>
  <sheetFormatPr defaultColWidth="9.140625" defaultRowHeight="11.25" customHeight="1" x14ac:dyDescent="0.2"/>
  <cols>
    <col min="1" max="1" width="42.7109375" style="52" customWidth="1"/>
    <col min="2" max="2" width="17.5703125" style="52" bestFit="1" customWidth="1"/>
    <col min="3" max="3" width="19.140625" style="52" bestFit="1" customWidth="1"/>
    <col min="4" max="4" width="17.42578125" style="52" customWidth="1"/>
    <col min="5" max="5" width="20.28515625" style="52" customWidth="1"/>
    <col min="6" max="6" width="10.7109375" style="52" customWidth="1"/>
    <col min="7" max="7" width="17.42578125" style="52" bestFit="1" customWidth="1"/>
    <col min="8" max="8" width="17" style="52" customWidth="1"/>
    <col min="9" max="9" width="20.140625" style="52" customWidth="1"/>
    <col min="10" max="10" width="10.7109375" style="52" customWidth="1"/>
    <col min="11" max="11" width="17.7109375" style="52" customWidth="1"/>
    <col min="12" max="12" width="15.7109375" style="52" customWidth="1"/>
    <col min="13" max="16384" width="9.140625" style="209"/>
  </cols>
  <sheetData>
    <row r="1" spans="1:12" s="29" customFormat="1" ht="10.5" x14ac:dyDescent="0.2">
      <c r="A1" s="328"/>
      <c r="B1" s="328"/>
      <c r="C1" s="328"/>
      <c r="D1" s="328"/>
      <c r="E1" s="328"/>
      <c r="F1" s="328"/>
      <c r="G1" s="328"/>
      <c r="H1" s="328"/>
      <c r="I1" s="328"/>
      <c r="J1" s="328"/>
    </row>
    <row r="2" spans="1:12" s="29" customFormat="1" ht="10.5" x14ac:dyDescent="0.2">
      <c r="A2" s="211"/>
    </row>
    <row r="3" spans="1:12" s="52" customFormat="1" ht="10.5" x14ac:dyDescent="0.2">
      <c r="A3" s="762" t="s">
        <v>641</v>
      </c>
      <c r="B3" s="762"/>
      <c r="C3" s="762"/>
      <c r="D3" s="762"/>
      <c r="E3" s="762"/>
      <c r="F3" s="762"/>
      <c r="G3" s="762"/>
      <c r="H3" s="762"/>
      <c r="I3" s="762"/>
      <c r="J3" s="762"/>
      <c r="K3" s="762"/>
      <c r="L3" s="762"/>
    </row>
    <row r="4" spans="1:12" s="52" customFormat="1" ht="10.5" x14ac:dyDescent="0.2">
      <c r="A4" s="762" t="s">
        <v>105</v>
      </c>
      <c r="B4" s="762"/>
      <c r="C4" s="762"/>
      <c r="D4" s="762"/>
      <c r="E4" s="762"/>
      <c r="F4" s="762"/>
      <c r="G4" s="762"/>
      <c r="H4" s="762"/>
      <c r="I4" s="762"/>
      <c r="J4" s="762"/>
      <c r="K4" s="762"/>
      <c r="L4" s="762"/>
    </row>
    <row r="5" spans="1:12" s="52" customFormat="1" ht="10.5" x14ac:dyDescent="0.2">
      <c r="A5" s="762" t="s">
        <v>168</v>
      </c>
      <c r="B5" s="762"/>
      <c r="C5" s="762"/>
      <c r="D5" s="762"/>
      <c r="E5" s="762"/>
      <c r="F5" s="762"/>
      <c r="G5" s="762"/>
      <c r="H5" s="762"/>
      <c r="I5" s="762"/>
      <c r="J5" s="762"/>
      <c r="K5" s="762"/>
      <c r="L5" s="762"/>
    </row>
    <row r="6" spans="1:12" s="52" customFormat="1" ht="10.5" x14ac:dyDescent="0.2">
      <c r="A6" s="762" t="s">
        <v>107</v>
      </c>
      <c r="B6" s="762"/>
      <c r="C6" s="762"/>
      <c r="D6" s="762"/>
      <c r="E6" s="762"/>
      <c r="F6" s="762"/>
      <c r="G6" s="762"/>
      <c r="H6" s="762"/>
      <c r="I6" s="762"/>
      <c r="J6" s="762"/>
      <c r="K6" s="762"/>
      <c r="L6" s="762"/>
    </row>
    <row r="7" spans="1:12" s="52" customFormat="1" ht="10.5" x14ac:dyDescent="0.2">
      <c r="A7" s="762" t="s">
        <v>874</v>
      </c>
      <c r="B7" s="762"/>
      <c r="C7" s="762"/>
      <c r="D7" s="762"/>
      <c r="E7" s="762"/>
      <c r="F7" s="762"/>
      <c r="G7" s="762"/>
      <c r="H7" s="762"/>
      <c r="I7" s="762"/>
      <c r="J7" s="762"/>
      <c r="K7" s="762"/>
      <c r="L7" s="762"/>
    </row>
    <row r="8" spans="1:12" s="29" customFormat="1" ht="10.5" x14ac:dyDescent="0.2">
      <c r="A8" s="53"/>
      <c r="B8" s="53"/>
      <c r="C8" s="53"/>
      <c r="D8" s="53"/>
      <c r="E8" s="53"/>
      <c r="F8" s="53"/>
      <c r="G8" s="53"/>
      <c r="H8" s="53"/>
      <c r="I8" s="53"/>
      <c r="J8" s="53"/>
      <c r="K8" s="53"/>
      <c r="L8" s="53"/>
    </row>
    <row r="9" spans="1:12" s="29" customFormat="1" ht="10.5" x14ac:dyDescent="0.2">
      <c r="A9" s="29" t="s">
        <v>736</v>
      </c>
      <c r="B9" s="128"/>
      <c r="L9" s="251">
        <v>1</v>
      </c>
    </row>
    <row r="10" spans="1:12" ht="20.100000000000001" customHeight="1" x14ac:dyDescent="0.2">
      <c r="A10" s="822" t="s">
        <v>735</v>
      </c>
      <c r="B10" s="205" t="s">
        <v>157</v>
      </c>
      <c r="C10" s="205" t="s">
        <v>157</v>
      </c>
      <c r="D10" s="771" t="s">
        <v>158</v>
      </c>
      <c r="E10" s="772"/>
      <c r="F10" s="773"/>
      <c r="G10" s="793" t="s">
        <v>161</v>
      </c>
      <c r="H10" s="820" t="s">
        <v>159</v>
      </c>
      <c r="I10" s="821"/>
      <c r="J10" s="822"/>
      <c r="K10" s="793" t="s">
        <v>161</v>
      </c>
      <c r="L10" s="735" t="s">
        <v>881</v>
      </c>
    </row>
    <row r="11" spans="1:12" ht="20.100000000000001" customHeight="1" x14ac:dyDescent="0.2">
      <c r="A11" s="825"/>
      <c r="B11" s="207" t="s">
        <v>111</v>
      </c>
      <c r="C11" s="207" t="s">
        <v>112</v>
      </c>
      <c r="D11" s="823" t="s">
        <v>113</v>
      </c>
      <c r="E11" s="205" t="s">
        <v>115</v>
      </c>
      <c r="F11" s="205" t="s">
        <v>114</v>
      </c>
      <c r="G11" s="794"/>
      <c r="H11" s="823" t="s">
        <v>113</v>
      </c>
      <c r="I11" s="205" t="s">
        <v>115</v>
      </c>
      <c r="J11" s="205" t="s">
        <v>114</v>
      </c>
      <c r="K11" s="794"/>
      <c r="L11" s="737"/>
    </row>
    <row r="12" spans="1:12" s="558" customFormat="1" ht="20.100000000000001" customHeight="1" x14ac:dyDescent="0.2">
      <c r="A12" s="826"/>
      <c r="B12" s="555"/>
      <c r="C12" s="556" t="s">
        <v>116</v>
      </c>
      <c r="D12" s="824"/>
      <c r="E12" s="556" t="s">
        <v>117</v>
      </c>
      <c r="F12" s="556" t="s">
        <v>59</v>
      </c>
      <c r="G12" s="557" t="s">
        <v>280</v>
      </c>
      <c r="H12" s="824"/>
      <c r="I12" s="556" t="s">
        <v>162</v>
      </c>
      <c r="J12" s="556" t="s">
        <v>545</v>
      </c>
      <c r="K12" s="557" t="s">
        <v>544</v>
      </c>
      <c r="L12" s="739"/>
    </row>
    <row r="13" spans="1:12" s="20" customFormat="1" ht="10.5" x14ac:dyDescent="0.2">
      <c r="A13" s="159"/>
      <c r="B13" s="27"/>
      <c r="C13" s="26"/>
      <c r="D13" s="26"/>
      <c r="E13" s="26"/>
      <c r="F13" s="26"/>
      <c r="G13" s="436"/>
      <c r="H13" s="436"/>
      <c r="I13" s="436"/>
      <c r="J13" s="222"/>
      <c r="K13" s="222"/>
      <c r="L13" s="329"/>
    </row>
    <row r="14" spans="1:12" s="206" customFormat="1" ht="10.5" x14ac:dyDescent="0.2">
      <c r="A14" s="159" t="s">
        <v>642</v>
      </c>
      <c r="B14" s="344">
        <v>37550000</v>
      </c>
      <c r="C14" s="344">
        <v>37550000</v>
      </c>
      <c r="D14" s="344">
        <v>2902786.25</v>
      </c>
      <c r="E14" s="344">
        <v>26231073.579999998</v>
      </c>
      <c r="F14" s="203">
        <v>2.9161483805922601</v>
      </c>
      <c r="G14" s="344">
        <v>11318926.42</v>
      </c>
      <c r="H14" s="344">
        <v>6026203.0699999994</v>
      </c>
      <c r="I14" s="344">
        <v>16890780.400000002</v>
      </c>
      <c r="J14" s="203">
        <v>2.3000205751777401</v>
      </c>
      <c r="K14" s="451">
        <v>20659219.599999998</v>
      </c>
      <c r="L14" s="455"/>
    </row>
    <row r="15" spans="1:12" ht="10.5" x14ac:dyDescent="0.2">
      <c r="A15" s="210" t="s">
        <v>643</v>
      </c>
      <c r="B15" s="437">
        <v>21000000</v>
      </c>
      <c r="C15" s="437">
        <v>21000000</v>
      </c>
      <c r="D15" s="437">
        <v>2902786.25</v>
      </c>
      <c r="E15" s="437">
        <v>9791073.5800000001</v>
      </c>
      <c r="F15" s="243">
        <v>1.0884885545190357</v>
      </c>
      <c r="G15" s="337">
        <v>11208926.42</v>
      </c>
      <c r="H15" s="437">
        <v>2917441.8699999996</v>
      </c>
      <c r="I15" s="437">
        <v>8344207.1700000009</v>
      </c>
      <c r="J15" s="243">
        <v>1.1362321763739005</v>
      </c>
      <c r="K15" s="452">
        <v>12655792.829999998</v>
      </c>
      <c r="L15" s="453"/>
    </row>
    <row r="16" spans="1:12" ht="10.5" x14ac:dyDescent="0.2">
      <c r="A16" s="210" t="s">
        <v>644</v>
      </c>
      <c r="B16" s="437">
        <v>16550000</v>
      </c>
      <c r="C16" s="437">
        <v>16550000</v>
      </c>
      <c r="D16" s="437">
        <v>0</v>
      </c>
      <c r="E16" s="437">
        <v>16440000</v>
      </c>
      <c r="F16" s="243">
        <v>1.8276598260732246</v>
      </c>
      <c r="G16" s="337">
        <v>110000</v>
      </c>
      <c r="H16" s="437">
        <v>3108761.1999999997</v>
      </c>
      <c r="I16" s="437">
        <v>8546573.2300000004</v>
      </c>
      <c r="J16" s="243">
        <v>1.1637883988038393</v>
      </c>
      <c r="K16" s="452">
        <v>8003426.7699999996</v>
      </c>
      <c r="L16" s="453"/>
    </row>
    <row r="17" spans="1:12" ht="10.5" x14ac:dyDescent="0.2">
      <c r="A17" s="210"/>
      <c r="B17" s="437"/>
      <c r="C17" s="437"/>
      <c r="D17" s="437"/>
      <c r="E17" s="437"/>
      <c r="F17" s="27"/>
      <c r="G17" s="337"/>
      <c r="H17" s="437"/>
      <c r="I17" s="437"/>
      <c r="J17" s="27"/>
      <c r="K17" s="453"/>
      <c r="L17" s="453"/>
    </row>
    <row r="18" spans="1:12" s="75" customFormat="1" ht="10.5" x14ac:dyDescent="0.2">
      <c r="A18" s="159" t="s">
        <v>645</v>
      </c>
      <c r="B18" s="344">
        <v>85050000</v>
      </c>
      <c r="C18" s="344">
        <v>91550000</v>
      </c>
      <c r="D18" s="344">
        <v>990000</v>
      </c>
      <c r="E18" s="344">
        <v>73300000</v>
      </c>
      <c r="F18" s="203">
        <v>8.1488725821877974</v>
      </c>
      <c r="G18" s="344">
        <v>18250000</v>
      </c>
      <c r="H18" s="344">
        <v>15562048.550000001</v>
      </c>
      <c r="I18" s="344">
        <v>45058007.530000001</v>
      </c>
      <c r="J18" s="203">
        <v>6.1355569098224461</v>
      </c>
      <c r="K18" s="451">
        <v>46491992.469999999</v>
      </c>
      <c r="L18" s="373"/>
    </row>
    <row r="19" spans="1:12" ht="10.5" x14ac:dyDescent="0.2">
      <c r="A19" s="210" t="s">
        <v>646</v>
      </c>
      <c r="B19" s="337">
        <v>85050000</v>
      </c>
      <c r="C19" s="337">
        <v>91550000</v>
      </c>
      <c r="D19" s="337">
        <v>990000</v>
      </c>
      <c r="E19" s="337">
        <v>73300000</v>
      </c>
      <c r="F19" s="243">
        <v>8.1488725821877974</v>
      </c>
      <c r="G19" s="337">
        <v>18250000</v>
      </c>
      <c r="H19" s="337">
        <v>15562048.550000001</v>
      </c>
      <c r="I19" s="337">
        <v>45058007.530000001</v>
      </c>
      <c r="J19" s="243">
        <v>6.1355569098224461</v>
      </c>
      <c r="K19" s="452">
        <v>46491992.469999999</v>
      </c>
      <c r="L19" s="453"/>
    </row>
    <row r="20" spans="1:12" ht="10.5" x14ac:dyDescent="0.2">
      <c r="A20" s="210"/>
      <c r="B20" s="337"/>
      <c r="C20" s="337"/>
      <c r="D20" s="337"/>
      <c r="E20" s="337"/>
      <c r="F20" s="27"/>
      <c r="G20" s="337"/>
      <c r="H20" s="337"/>
      <c r="I20" s="337"/>
      <c r="J20" s="27"/>
      <c r="K20" s="453"/>
      <c r="L20" s="453"/>
    </row>
    <row r="21" spans="1:12" s="75" customFormat="1" ht="10.5" x14ac:dyDescent="0.2">
      <c r="A21" s="180" t="s">
        <v>761</v>
      </c>
      <c r="B21" s="344">
        <v>79105300</v>
      </c>
      <c r="C21" s="344">
        <v>78536800</v>
      </c>
      <c r="D21" s="344">
        <v>11008072.43</v>
      </c>
      <c r="E21" s="344">
        <v>33918509.82</v>
      </c>
      <c r="F21" s="203">
        <v>3.7707723697253144</v>
      </c>
      <c r="G21" s="344">
        <v>44618290.18</v>
      </c>
      <c r="H21" s="344">
        <v>11350156.92</v>
      </c>
      <c r="I21" s="344">
        <v>33918453.329999998</v>
      </c>
      <c r="J21" s="203">
        <v>4.6186818305450181</v>
      </c>
      <c r="K21" s="451">
        <v>44618346.670000002</v>
      </c>
      <c r="L21" s="373"/>
    </row>
    <row r="22" spans="1:12" ht="10.5" x14ac:dyDescent="0.2">
      <c r="A22" s="210" t="s">
        <v>647</v>
      </c>
      <c r="B22" s="337">
        <v>32882400</v>
      </c>
      <c r="C22" s="337">
        <v>32882400</v>
      </c>
      <c r="D22" s="337">
        <v>5177705.93</v>
      </c>
      <c r="E22" s="337">
        <v>15452536.959999999</v>
      </c>
      <c r="F22" s="243">
        <v>1.7178820567338</v>
      </c>
      <c r="G22" s="337">
        <v>17429863.039999999</v>
      </c>
      <c r="H22" s="337">
        <v>5177705.93</v>
      </c>
      <c r="I22" s="337">
        <v>15452486.959999999</v>
      </c>
      <c r="J22" s="243">
        <v>2.1041679013046504</v>
      </c>
      <c r="K22" s="452">
        <v>17429913.039999999</v>
      </c>
      <c r="L22" s="453"/>
    </row>
    <row r="23" spans="1:12" ht="10.5" x14ac:dyDescent="0.2">
      <c r="A23" s="210" t="s">
        <v>648</v>
      </c>
      <c r="B23" s="337">
        <v>24242900</v>
      </c>
      <c r="C23" s="337">
        <v>23674400</v>
      </c>
      <c r="D23" s="337">
        <v>1736733.5499999998</v>
      </c>
      <c r="E23" s="337">
        <v>6163067.299999998</v>
      </c>
      <c r="F23" s="243">
        <v>0.68515757357637319</v>
      </c>
      <c r="G23" s="337">
        <v>17511332.700000003</v>
      </c>
      <c r="H23" s="337">
        <v>2078818.04</v>
      </c>
      <c r="I23" s="337">
        <v>6163064.2999999989</v>
      </c>
      <c r="J23" s="243">
        <v>0.83922556332230758</v>
      </c>
      <c r="K23" s="452">
        <v>17511335.700000003</v>
      </c>
      <c r="L23" s="453"/>
    </row>
    <row r="24" spans="1:12" ht="10.5" x14ac:dyDescent="0.2">
      <c r="A24" s="210" t="s">
        <v>655</v>
      </c>
      <c r="B24" s="337">
        <v>20000</v>
      </c>
      <c r="C24" s="337">
        <v>20000</v>
      </c>
      <c r="D24" s="337">
        <v>0</v>
      </c>
      <c r="E24" s="337">
        <v>0</v>
      </c>
      <c r="F24" s="243">
        <v>0</v>
      </c>
      <c r="G24" s="337">
        <v>20000</v>
      </c>
      <c r="H24" s="337">
        <v>0</v>
      </c>
      <c r="I24" s="337">
        <v>0</v>
      </c>
      <c r="J24" s="243">
        <v>0</v>
      </c>
      <c r="K24" s="452">
        <v>20000</v>
      </c>
      <c r="L24" s="453"/>
    </row>
    <row r="25" spans="1:12" ht="10.5" x14ac:dyDescent="0.2">
      <c r="A25" s="210" t="s">
        <v>687</v>
      </c>
      <c r="B25" s="337">
        <v>21960000</v>
      </c>
      <c r="C25" s="337">
        <v>21960000</v>
      </c>
      <c r="D25" s="337">
        <v>4093632.95</v>
      </c>
      <c r="E25" s="337">
        <v>12302905.560000002</v>
      </c>
      <c r="F25" s="243">
        <v>1.3677327394151406</v>
      </c>
      <c r="G25" s="337">
        <v>9657094.4399999976</v>
      </c>
      <c r="H25" s="337">
        <v>4093632.95</v>
      </c>
      <c r="I25" s="337">
        <v>12302902.070000002</v>
      </c>
      <c r="J25" s="243">
        <v>1.6752883659180609</v>
      </c>
      <c r="K25" s="452">
        <v>9657097.9299999978</v>
      </c>
      <c r="L25" s="453"/>
    </row>
    <row r="26" spans="1:12" ht="10.5" x14ac:dyDescent="0.2">
      <c r="A26" s="210"/>
      <c r="B26" s="337"/>
      <c r="C26" s="337"/>
      <c r="D26" s="337"/>
      <c r="E26" s="337"/>
      <c r="F26" s="27"/>
      <c r="G26" s="337"/>
      <c r="H26" s="337"/>
      <c r="I26" s="337"/>
      <c r="J26" s="27"/>
      <c r="K26" s="453"/>
      <c r="L26" s="453"/>
    </row>
    <row r="27" spans="1:12" s="75" customFormat="1" ht="10.5" x14ac:dyDescent="0.2">
      <c r="A27" s="159" t="s">
        <v>649</v>
      </c>
      <c r="B27" s="344">
        <v>100140000</v>
      </c>
      <c r="C27" s="344">
        <v>185528133</v>
      </c>
      <c r="D27" s="344">
        <v>75312975.329999998</v>
      </c>
      <c r="E27" s="344">
        <v>165239861.19000003</v>
      </c>
      <c r="F27" s="203">
        <v>18.369966907717718</v>
      </c>
      <c r="G27" s="344">
        <v>20288271.809999984</v>
      </c>
      <c r="H27" s="344">
        <v>47002286.230000004</v>
      </c>
      <c r="I27" s="344">
        <v>136774281.16</v>
      </c>
      <c r="J27" s="203">
        <v>18.624578223937192</v>
      </c>
      <c r="K27" s="451">
        <v>48753851.839999996</v>
      </c>
      <c r="L27" s="373"/>
    </row>
    <row r="28" spans="1:12" ht="10.5" x14ac:dyDescent="0.2">
      <c r="A28" s="210" t="s">
        <v>651</v>
      </c>
      <c r="B28" s="337">
        <v>8140000</v>
      </c>
      <c r="C28" s="337">
        <v>24228133</v>
      </c>
      <c r="D28" s="337">
        <v>8841910.4399999995</v>
      </c>
      <c r="E28" s="337">
        <v>15061995.929999996</v>
      </c>
      <c r="F28" s="243">
        <v>1.6744650159208889</v>
      </c>
      <c r="G28" s="337">
        <v>9166137.070000004</v>
      </c>
      <c r="H28" s="337">
        <v>4577383.8400000008</v>
      </c>
      <c r="I28" s="337">
        <v>10643580.4</v>
      </c>
      <c r="J28" s="243">
        <v>1.4493382386025526</v>
      </c>
      <c r="K28" s="452">
        <v>13584552.6</v>
      </c>
      <c r="L28" s="453"/>
    </row>
    <row r="29" spans="1:12" ht="10.5" x14ac:dyDescent="0.2">
      <c r="A29" s="210" t="s">
        <v>652</v>
      </c>
      <c r="B29" s="337">
        <v>92000000</v>
      </c>
      <c r="C29" s="337">
        <v>161000000</v>
      </c>
      <c r="D29" s="337">
        <v>66471064.890000001</v>
      </c>
      <c r="E29" s="337">
        <v>150177865.26000002</v>
      </c>
      <c r="F29" s="243">
        <v>16.695501891796827</v>
      </c>
      <c r="G29" s="337">
        <v>10822134.73999998</v>
      </c>
      <c r="H29" s="337">
        <v>42424902.390000001</v>
      </c>
      <c r="I29" s="337">
        <v>126130700.76000001</v>
      </c>
      <c r="J29" s="243">
        <v>17.175239985334638</v>
      </c>
      <c r="K29" s="452">
        <v>34869299.239999995</v>
      </c>
      <c r="L29" s="453"/>
    </row>
    <row r="30" spans="1:12" ht="10.5" x14ac:dyDescent="0.2">
      <c r="A30" s="210" t="s">
        <v>653</v>
      </c>
      <c r="B30" s="337">
        <v>0</v>
      </c>
      <c r="C30" s="337">
        <v>300000</v>
      </c>
      <c r="D30" s="337">
        <v>0</v>
      </c>
      <c r="E30" s="337">
        <v>0</v>
      </c>
      <c r="F30" s="243">
        <v>0</v>
      </c>
      <c r="G30" s="337">
        <v>300000</v>
      </c>
      <c r="H30" s="337">
        <v>0</v>
      </c>
      <c r="I30" s="337">
        <v>0</v>
      </c>
      <c r="J30" s="243">
        <v>0</v>
      </c>
      <c r="K30" s="452">
        <v>300000</v>
      </c>
      <c r="L30" s="453"/>
    </row>
    <row r="31" spans="1:12" ht="10.5" x14ac:dyDescent="0.2">
      <c r="A31" s="210" t="s">
        <v>654</v>
      </c>
      <c r="B31" s="337">
        <v>0</v>
      </c>
      <c r="C31" s="337">
        <v>0</v>
      </c>
      <c r="D31" s="337">
        <v>0</v>
      </c>
      <c r="E31" s="337"/>
      <c r="F31" s="243">
        <v>0</v>
      </c>
      <c r="G31" s="337">
        <v>0</v>
      </c>
      <c r="H31" s="337">
        <v>0</v>
      </c>
      <c r="I31" s="337">
        <v>0</v>
      </c>
      <c r="J31" s="243">
        <v>0</v>
      </c>
      <c r="K31" s="452">
        <v>0</v>
      </c>
      <c r="L31" s="453"/>
    </row>
    <row r="32" spans="1:12" ht="10.5" x14ac:dyDescent="0.2">
      <c r="A32" s="210"/>
      <c r="B32" s="337"/>
      <c r="C32" s="337"/>
      <c r="D32" s="337"/>
      <c r="E32" s="337"/>
      <c r="F32" s="27"/>
      <c r="G32" s="337"/>
      <c r="H32" s="337"/>
      <c r="I32" s="337"/>
      <c r="J32" s="27"/>
      <c r="K32" s="453"/>
      <c r="L32" s="453"/>
    </row>
    <row r="33" spans="1:12" s="75" customFormat="1" ht="10.5" x14ac:dyDescent="0.2">
      <c r="A33" s="159" t="s">
        <v>658</v>
      </c>
      <c r="B33" s="344">
        <v>270960000</v>
      </c>
      <c r="C33" s="344">
        <v>242599407.83999997</v>
      </c>
      <c r="D33" s="344">
        <v>105698177.44</v>
      </c>
      <c r="E33" s="344">
        <v>240306598.14000005</v>
      </c>
      <c r="F33" s="203">
        <v>26.715250326082774</v>
      </c>
      <c r="G33" s="344">
        <v>2292809.6999999285</v>
      </c>
      <c r="H33" s="344">
        <v>68919829.230000004</v>
      </c>
      <c r="I33" s="344">
        <v>203241612.29000002</v>
      </c>
      <c r="J33" s="203">
        <v>27.675446541196941</v>
      </c>
      <c r="K33" s="451">
        <v>39357795.549999952</v>
      </c>
      <c r="L33" s="373"/>
    </row>
    <row r="34" spans="1:12" ht="10.5" x14ac:dyDescent="0.2">
      <c r="A34" s="210" t="s">
        <v>659</v>
      </c>
      <c r="B34" s="337">
        <v>270960000</v>
      </c>
      <c r="C34" s="337">
        <v>242599407.83999997</v>
      </c>
      <c r="D34" s="337">
        <v>105698177.44</v>
      </c>
      <c r="E34" s="337">
        <v>240306598.14000005</v>
      </c>
      <c r="F34" s="243">
        <v>26.715250326082774</v>
      </c>
      <c r="G34" s="337">
        <v>2292809.6999999285</v>
      </c>
      <c r="H34" s="337">
        <v>68919829.230000004</v>
      </c>
      <c r="I34" s="337">
        <v>203241612.29000002</v>
      </c>
      <c r="J34" s="243">
        <v>27.675446541196941</v>
      </c>
      <c r="K34" s="452">
        <v>39357795.549999952</v>
      </c>
      <c r="L34" s="453"/>
    </row>
    <row r="35" spans="1:12" ht="10.5" x14ac:dyDescent="0.2">
      <c r="A35" s="210"/>
      <c r="B35" s="337"/>
      <c r="C35" s="337"/>
      <c r="D35" s="337"/>
      <c r="E35" s="337"/>
      <c r="F35" s="27"/>
      <c r="G35" s="337"/>
      <c r="H35" s="337"/>
      <c r="I35" s="337"/>
      <c r="J35" s="27"/>
      <c r="K35" s="453"/>
      <c r="L35" s="453"/>
    </row>
    <row r="36" spans="1:12" s="75" customFormat="1" ht="10.5" x14ac:dyDescent="0.2">
      <c r="A36" s="159" t="s">
        <v>661</v>
      </c>
      <c r="B36" s="344">
        <v>620000</v>
      </c>
      <c r="C36" s="344">
        <v>6620000</v>
      </c>
      <c r="D36" s="344">
        <v>4034787.98</v>
      </c>
      <c r="E36" s="344">
        <v>5967344.0999999996</v>
      </c>
      <c r="F36" s="203">
        <v>0.66339872748936024</v>
      </c>
      <c r="G36" s="344">
        <v>652655.90000000037</v>
      </c>
      <c r="H36" s="344">
        <v>967441.94000000006</v>
      </c>
      <c r="I36" s="344">
        <v>2884711.19</v>
      </c>
      <c r="J36" s="203">
        <v>0.3928116364857519</v>
      </c>
      <c r="K36" s="451">
        <v>3735288.81</v>
      </c>
      <c r="L36" s="373"/>
    </row>
    <row r="37" spans="1:12" ht="10.5" x14ac:dyDescent="0.2">
      <c r="A37" s="210" t="s">
        <v>662</v>
      </c>
      <c r="B37" s="337">
        <v>620000</v>
      </c>
      <c r="C37" s="337">
        <v>6620000</v>
      </c>
      <c r="D37" s="337">
        <v>4034787.98</v>
      </c>
      <c r="E37" s="337">
        <v>5967344.0999999996</v>
      </c>
      <c r="F37" s="243">
        <v>0.66339872748936024</v>
      </c>
      <c r="G37" s="337">
        <v>652655.90000000037</v>
      </c>
      <c r="H37" s="337">
        <v>967441.94000000006</v>
      </c>
      <c r="I37" s="337">
        <v>2884711.19</v>
      </c>
      <c r="J37" s="243">
        <v>0.3928116364857519</v>
      </c>
      <c r="K37" s="452">
        <v>3735288.81</v>
      </c>
      <c r="L37" s="453"/>
    </row>
    <row r="38" spans="1:12" ht="10.5" x14ac:dyDescent="0.2">
      <c r="A38" s="210"/>
      <c r="B38" s="337"/>
      <c r="C38" s="337"/>
      <c r="D38" s="337"/>
      <c r="E38" s="337"/>
      <c r="F38" s="27"/>
      <c r="G38" s="337"/>
      <c r="H38" s="337"/>
      <c r="I38" s="337"/>
      <c r="J38" s="27"/>
      <c r="K38" s="453"/>
      <c r="L38" s="453"/>
    </row>
    <row r="39" spans="1:12" s="75" customFormat="1" ht="10.5" x14ac:dyDescent="0.2">
      <c r="A39" s="159" t="s">
        <v>663</v>
      </c>
      <c r="B39" s="344">
        <v>30000</v>
      </c>
      <c r="C39" s="344">
        <v>30000</v>
      </c>
      <c r="D39" s="344">
        <v>0</v>
      </c>
      <c r="E39" s="344">
        <v>0</v>
      </c>
      <c r="F39" s="203">
        <v>0</v>
      </c>
      <c r="G39" s="344">
        <v>30000</v>
      </c>
      <c r="H39" s="344">
        <v>0</v>
      </c>
      <c r="I39" s="344">
        <v>0</v>
      </c>
      <c r="J39" s="203">
        <v>0</v>
      </c>
      <c r="K39" s="451">
        <v>30000</v>
      </c>
      <c r="L39" s="373"/>
    </row>
    <row r="40" spans="1:12" ht="10.5" x14ac:dyDescent="0.2">
      <c r="A40" s="210" t="s">
        <v>664</v>
      </c>
      <c r="B40" s="337">
        <v>30000</v>
      </c>
      <c r="C40" s="337">
        <v>30000</v>
      </c>
      <c r="D40" s="337">
        <v>0</v>
      </c>
      <c r="E40" s="337">
        <v>0</v>
      </c>
      <c r="F40" s="243">
        <v>0</v>
      </c>
      <c r="G40" s="337">
        <v>30000</v>
      </c>
      <c r="H40" s="337">
        <v>0</v>
      </c>
      <c r="I40" s="337">
        <v>0</v>
      </c>
      <c r="J40" s="243">
        <v>0</v>
      </c>
      <c r="K40" s="452">
        <v>30000</v>
      </c>
      <c r="L40" s="453"/>
    </row>
    <row r="41" spans="1:12" ht="10.5" x14ac:dyDescent="0.2">
      <c r="A41" s="210"/>
      <c r="B41" s="337"/>
      <c r="C41" s="337"/>
      <c r="D41" s="337"/>
      <c r="E41" s="337"/>
      <c r="F41" s="27"/>
      <c r="G41" s="337"/>
      <c r="H41" s="337"/>
      <c r="I41" s="337"/>
      <c r="J41" s="27"/>
      <c r="K41" s="453"/>
      <c r="L41" s="453"/>
    </row>
    <row r="42" spans="1:12" s="75" customFormat="1" ht="10.5" x14ac:dyDescent="0.2">
      <c r="A42" s="159" t="s">
        <v>665</v>
      </c>
      <c r="B42" s="344">
        <v>16642800</v>
      </c>
      <c r="C42" s="344">
        <v>38323800</v>
      </c>
      <c r="D42" s="344">
        <v>14019027.35</v>
      </c>
      <c r="E42" s="344">
        <v>33447456.68</v>
      </c>
      <c r="F42" s="203">
        <v>3.7184046750827564</v>
      </c>
      <c r="G42" s="344">
        <v>4876343.32</v>
      </c>
      <c r="H42" s="344">
        <v>8294431.9699999988</v>
      </c>
      <c r="I42" s="344">
        <v>27479918.170000002</v>
      </c>
      <c r="J42" s="203">
        <v>3.7419453511574061</v>
      </c>
      <c r="K42" s="451">
        <v>10843881.83</v>
      </c>
      <c r="L42" s="373"/>
    </row>
    <row r="43" spans="1:12" ht="10.5" x14ac:dyDescent="0.2">
      <c r="A43" s="210" t="s">
        <v>651</v>
      </c>
      <c r="B43" s="337">
        <v>16512800</v>
      </c>
      <c r="C43" s="337">
        <v>24993800</v>
      </c>
      <c r="D43" s="337">
        <v>8568604.3499999996</v>
      </c>
      <c r="E43" s="337">
        <v>20309452.68</v>
      </c>
      <c r="F43" s="243">
        <v>2.2578327708498289</v>
      </c>
      <c r="G43" s="337">
        <v>4684347.32</v>
      </c>
      <c r="H43" s="337">
        <v>4240271.9399999995</v>
      </c>
      <c r="I43" s="337">
        <v>15939246.08</v>
      </c>
      <c r="J43" s="243">
        <v>2.1704499773628658</v>
      </c>
      <c r="K43" s="452">
        <v>9054553.9199999999</v>
      </c>
      <c r="L43" s="453"/>
    </row>
    <row r="44" spans="1:12" ht="10.5" x14ac:dyDescent="0.2">
      <c r="A44" s="210" t="s">
        <v>655</v>
      </c>
      <c r="B44" s="337">
        <v>0</v>
      </c>
      <c r="C44" s="337">
        <v>0</v>
      </c>
      <c r="D44" s="337">
        <v>0</v>
      </c>
      <c r="E44" s="337">
        <v>0</v>
      </c>
      <c r="F44" s="243">
        <v>0</v>
      </c>
      <c r="G44" s="337">
        <v>0</v>
      </c>
      <c r="H44" s="337"/>
      <c r="I44" s="337"/>
      <c r="J44" s="243">
        <v>0</v>
      </c>
      <c r="K44" s="452">
        <v>0</v>
      </c>
      <c r="L44" s="453"/>
    </row>
    <row r="45" spans="1:12" ht="10.5" x14ac:dyDescent="0.2">
      <c r="A45" s="210" t="s">
        <v>668</v>
      </c>
      <c r="B45" s="337">
        <v>0</v>
      </c>
      <c r="C45" s="337">
        <v>13200000</v>
      </c>
      <c r="D45" s="337">
        <v>5450423</v>
      </c>
      <c r="E45" s="337">
        <v>13138004</v>
      </c>
      <c r="F45" s="243">
        <v>1.4605719042329277</v>
      </c>
      <c r="G45" s="337">
        <v>61996</v>
      </c>
      <c r="H45" s="337">
        <v>4054160.03</v>
      </c>
      <c r="I45" s="337">
        <v>11540672.09</v>
      </c>
      <c r="J45" s="243">
        <v>1.5714953737945399</v>
      </c>
      <c r="K45" s="452">
        <v>1659327.9100000001</v>
      </c>
      <c r="L45" s="453"/>
    </row>
    <row r="46" spans="1:12" ht="10.5" x14ac:dyDescent="0.2">
      <c r="A46" s="210" t="s">
        <v>762</v>
      </c>
      <c r="B46" s="337">
        <v>27000</v>
      </c>
      <c r="C46" s="337">
        <v>27000</v>
      </c>
      <c r="D46" s="337">
        <v>0</v>
      </c>
      <c r="E46" s="337">
        <v>0</v>
      </c>
      <c r="F46" s="243">
        <v>0</v>
      </c>
      <c r="G46" s="337">
        <v>27000</v>
      </c>
      <c r="H46" s="337">
        <v>0</v>
      </c>
      <c r="I46" s="337">
        <v>0</v>
      </c>
      <c r="J46" s="243">
        <v>0</v>
      </c>
      <c r="K46" s="452">
        <v>27000</v>
      </c>
      <c r="L46" s="453"/>
    </row>
    <row r="47" spans="1:12" ht="10.5" x14ac:dyDescent="0.2">
      <c r="A47" s="210" t="s">
        <v>670</v>
      </c>
      <c r="B47" s="337">
        <v>90000</v>
      </c>
      <c r="C47" s="337">
        <v>90000</v>
      </c>
      <c r="D47" s="337">
        <v>0</v>
      </c>
      <c r="E47" s="337">
        <v>0</v>
      </c>
      <c r="F47" s="243">
        <v>0</v>
      </c>
      <c r="G47" s="337">
        <v>90000</v>
      </c>
      <c r="H47" s="337">
        <v>0</v>
      </c>
      <c r="I47" s="337">
        <v>0</v>
      </c>
      <c r="J47" s="243">
        <v>0</v>
      </c>
      <c r="K47" s="452">
        <v>90000</v>
      </c>
      <c r="L47" s="453"/>
    </row>
    <row r="48" spans="1:12" s="301" customFormat="1" ht="10.5" x14ac:dyDescent="0.2">
      <c r="A48" s="210" t="s">
        <v>810</v>
      </c>
      <c r="B48" s="337">
        <v>13000</v>
      </c>
      <c r="C48" s="337">
        <v>13000</v>
      </c>
      <c r="D48" s="337">
        <v>0</v>
      </c>
      <c r="E48" s="337">
        <v>0</v>
      </c>
      <c r="F48" s="243">
        <v>0</v>
      </c>
      <c r="G48" s="337">
        <v>13000</v>
      </c>
      <c r="H48" s="337">
        <v>0</v>
      </c>
      <c r="I48" s="337">
        <v>0</v>
      </c>
      <c r="J48" s="243">
        <v>0</v>
      </c>
      <c r="K48" s="452">
        <v>13000</v>
      </c>
      <c r="L48" s="453"/>
    </row>
    <row r="49" spans="1:12" ht="12.75" x14ac:dyDescent="0.2">
      <c r="A49" s="210"/>
      <c r="B49" s="337"/>
      <c r="C49" s="337"/>
      <c r="D49" s="337"/>
      <c r="E49" s="337"/>
      <c r="F49" s="450"/>
      <c r="G49" s="337"/>
      <c r="H49" s="337"/>
      <c r="I49" s="337"/>
      <c r="J49" s="450"/>
      <c r="K49" s="452"/>
      <c r="L49" s="453"/>
    </row>
    <row r="50" spans="1:12" s="75" customFormat="1" ht="10.5" x14ac:dyDescent="0.2">
      <c r="A50" s="159" t="s">
        <v>666</v>
      </c>
      <c r="B50" s="344">
        <v>920000</v>
      </c>
      <c r="C50" s="344">
        <v>1197338.68</v>
      </c>
      <c r="D50" s="344">
        <v>636715.77</v>
      </c>
      <c r="E50" s="344">
        <v>1197338.68</v>
      </c>
      <c r="F50" s="203">
        <v>0.13310996372503311</v>
      </c>
      <c r="G50" s="344">
        <v>0</v>
      </c>
      <c r="H50" s="344">
        <v>252280.81</v>
      </c>
      <c r="I50" s="344">
        <v>753321.19999999972</v>
      </c>
      <c r="J50" s="203">
        <v>0.10257988196433981</v>
      </c>
      <c r="K50" s="451">
        <v>444017.48000000021</v>
      </c>
      <c r="L50" s="373"/>
    </row>
    <row r="51" spans="1:12" ht="10.5" x14ac:dyDescent="0.2">
      <c r="A51" s="210" t="s">
        <v>756</v>
      </c>
      <c r="B51" s="337">
        <v>920000</v>
      </c>
      <c r="C51" s="337">
        <v>1197338.68</v>
      </c>
      <c r="D51" s="337">
        <v>636715.77</v>
      </c>
      <c r="E51" s="337">
        <v>1197338.68</v>
      </c>
      <c r="F51" s="243">
        <v>0.13310996372503311</v>
      </c>
      <c r="G51" s="337">
        <v>0</v>
      </c>
      <c r="H51" s="337">
        <v>252280.81</v>
      </c>
      <c r="I51" s="337">
        <v>753321.19999999972</v>
      </c>
      <c r="J51" s="243">
        <v>0.10257988196433981</v>
      </c>
      <c r="K51" s="452">
        <v>444017.48000000021</v>
      </c>
      <c r="L51" s="453"/>
    </row>
    <row r="52" spans="1:12" ht="10.5" x14ac:dyDescent="0.2">
      <c r="A52" s="210"/>
      <c r="B52" s="337"/>
      <c r="C52" s="337"/>
      <c r="D52" s="337"/>
      <c r="E52" s="337"/>
      <c r="F52" s="27"/>
      <c r="G52" s="337"/>
      <c r="H52" s="337"/>
      <c r="I52" s="337"/>
      <c r="J52" s="27"/>
      <c r="K52" s="453"/>
      <c r="L52" s="453"/>
    </row>
    <row r="53" spans="1:12" s="75" customFormat="1" ht="10.5" x14ac:dyDescent="0.2">
      <c r="A53" s="159" t="s">
        <v>682</v>
      </c>
      <c r="B53" s="344">
        <v>201446800</v>
      </c>
      <c r="C53" s="344">
        <v>282450619.75</v>
      </c>
      <c r="D53" s="344">
        <v>53051465.109999999</v>
      </c>
      <c r="E53" s="344">
        <v>238707078.46999997</v>
      </c>
      <c r="F53" s="203">
        <v>26.537429289472492</v>
      </c>
      <c r="G53" s="344">
        <v>43743541.280000046</v>
      </c>
      <c r="H53" s="344">
        <v>76362377.319999993</v>
      </c>
      <c r="I53" s="344">
        <v>217875154.94999996</v>
      </c>
      <c r="J53" s="203">
        <v>29.668098651323305</v>
      </c>
      <c r="K53" s="451">
        <v>64575464.800000057</v>
      </c>
      <c r="L53" s="373"/>
    </row>
    <row r="54" spans="1:12" ht="10.5" x14ac:dyDescent="0.2">
      <c r="A54" s="209" t="s">
        <v>651</v>
      </c>
      <c r="B54" s="337">
        <v>201446800</v>
      </c>
      <c r="C54" s="337">
        <v>282073111.92000002</v>
      </c>
      <c r="D54" s="337">
        <v>53051465.109999999</v>
      </c>
      <c r="E54" s="337">
        <v>238707078.46999997</v>
      </c>
      <c r="F54" s="243">
        <v>26.537429289472492</v>
      </c>
      <c r="G54" s="337">
        <v>43366033.450000048</v>
      </c>
      <c r="H54" s="337">
        <v>76362377.319999993</v>
      </c>
      <c r="I54" s="337">
        <v>217875154.94999996</v>
      </c>
      <c r="J54" s="243">
        <v>29.668098651323305</v>
      </c>
      <c r="K54" s="452">
        <v>64197956.970000058</v>
      </c>
      <c r="L54" s="453"/>
    </row>
    <row r="55" spans="1:12" ht="10.5" x14ac:dyDescent="0.2">
      <c r="A55" s="210" t="s">
        <v>675</v>
      </c>
      <c r="B55" s="337">
        <v>0</v>
      </c>
      <c r="C55" s="337">
        <v>0</v>
      </c>
      <c r="D55" s="337">
        <v>0</v>
      </c>
      <c r="E55" s="337">
        <v>0</v>
      </c>
      <c r="F55" s="243">
        <v>0</v>
      </c>
      <c r="G55" s="337">
        <v>0</v>
      </c>
      <c r="H55" s="337">
        <v>0</v>
      </c>
      <c r="I55" s="337">
        <v>0</v>
      </c>
      <c r="J55" s="243">
        <v>0</v>
      </c>
      <c r="K55" s="452">
        <v>0</v>
      </c>
      <c r="L55" s="453"/>
    </row>
    <row r="56" spans="1:12" ht="10.5" x14ac:dyDescent="0.2">
      <c r="A56" s="210" t="s">
        <v>755</v>
      </c>
      <c r="B56" s="337">
        <v>0</v>
      </c>
      <c r="C56" s="337">
        <v>0</v>
      </c>
      <c r="D56" s="337">
        <v>0</v>
      </c>
      <c r="E56" s="337">
        <v>0</v>
      </c>
      <c r="F56" s="243">
        <v>0</v>
      </c>
      <c r="G56" s="337">
        <v>0</v>
      </c>
      <c r="H56" s="337">
        <v>0</v>
      </c>
      <c r="I56" s="337">
        <v>0</v>
      </c>
      <c r="J56" s="243">
        <v>0</v>
      </c>
      <c r="K56" s="452">
        <v>0</v>
      </c>
      <c r="L56" s="453"/>
    </row>
    <row r="57" spans="1:12" ht="10.5" x14ac:dyDescent="0.2">
      <c r="A57" s="600" t="s">
        <v>680</v>
      </c>
      <c r="B57" s="337">
        <v>0</v>
      </c>
      <c r="C57" s="337">
        <v>377507.82999999996</v>
      </c>
      <c r="D57" s="337">
        <v>0</v>
      </c>
      <c r="E57" s="337">
        <v>0</v>
      </c>
      <c r="F57" s="382">
        <v>0</v>
      </c>
      <c r="G57" s="337">
        <v>377507.82999999996</v>
      </c>
      <c r="H57" s="337">
        <v>0</v>
      </c>
      <c r="I57" s="337">
        <v>0</v>
      </c>
      <c r="J57" s="243">
        <v>0</v>
      </c>
      <c r="K57" s="452">
        <v>377507.82999999996</v>
      </c>
      <c r="L57" s="453"/>
    </row>
    <row r="58" spans="1:12" s="301" customFormat="1" ht="10.5" x14ac:dyDescent="0.2">
      <c r="A58" s="600"/>
      <c r="B58" s="337"/>
      <c r="C58" s="337"/>
      <c r="D58" s="337"/>
      <c r="E58" s="337"/>
      <c r="F58" s="27"/>
      <c r="G58" s="337"/>
      <c r="H58" s="337"/>
      <c r="I58" s="337"/>
      <c r="J58" s="27"/>
      <c r="K58" s="453"/>
      <c r="L58" s="453"/>
    </row>
    <row r="59" spans="1:12" s="75" customFormat="1" ht="10.5" x14ac:dyDescent="0.2">
      <c r="A59" s="159" t="s">
        <v>683</v>
      </c>
      <c r="B59" s="344">
        <v>1654500</v>
      </c>
      <c r="C59" s="344">
        <v>853700</v>
      </c>
      <c r="D59" s="344">
        <v>488805.27</v>
      </c>
      <c r="E59" s="344">
        <v>849450.58</v>
      </c>
      <c r="F59" s="203">
        <v>9.4434714069379547E-2</v>
      </c>
      <c r="G59" s="344">
        <v>4249.4200000000419</v>
      </c>
      <c r="H59" s="344">
        <v>180294.05</v>
      </c>
      <c r="I59" s="344">
        <v>536707.48</v>
      </c>
      <c r="J59" s="203">
        <v>7.3083553134809284E-2</v>
      </c>
      <c r="K59" s="451">
        <v>316992.52</v>
      </c>
      <c r="L59" s="373"/>
    </row>
    <row r="60" spans="1:12" ht="10.5" x14ac:dyDescent="0.2">
      <c r="A60" s="210" t="s">
        <v>684</v>
      </c>
      <c r="B60" s="337">
        <v>1654500</v>
      </c>
      <c r="C60" s="337">
        <v>853700</v>
      </c>
      <c r="D60" s="337">
        <v>488805.27</v>
      </c>
      <c r="E60" s="337">
        <v>849450.58</v>
      </c>
      <c r="F60" s="243">
        <v>9.4434714069379547E-2</v>
      </c>
      <c r="G60" s="337">
        <v>4249.4200000000419</v>
      </c>
      <c r="H60" s="337">
        <v>180294.05</v>
      </c>
      <c r="I60" s="337">
        <v>536707.48</v>
      </c>
      <c r="J60" s="243">
        <v>7.3083553134809284E-2</v>
      </c>
      <c r="K60" s="452">
        <v>316992.52</v>
      </c>
      <c r="L60" s="453"/>
    </row>
    <row r="61" spans="1:12" ht="10.5" x14ac:dyDescent="0.2">
      <c r="A61" s="210"/>
      <c r="B61" s="337"/>
      <c r="C61" s="337"/>
      <c r="D61" s="337"/>
      <c r="E61" s="337"/>
      <c r="F61" s="27"/>
      <c r="G61" s="337"/>
      <c r="H61" s="337"/>
      <c r="I61" s="337"/>
      <c r="J61" s="27"/>
      <c r="K61" s="453"/>
      <c r="L61" s="453"/>
    </row>
    <row r="62" spans="1:12" s="75" customFormat="1" ht="10.5" x14ac:dyDescent="0.2">
      <c r="A62" s="159" t="s">
        <v>685</v>
      </c>
      <c r="B62" s="344">
        <v>10977800</v>
      </c>
      <c r="C62" s="344">
        <v>12350400</v>
      </c>
      <c r="D62" s="344">
        <v>3192079.87</v>
      </c>
      <c r="E62" s="344">
        <v>11173093.949999999</v>
      </c>
      <c r="F62" s="203">
        <v>1.2421298628562529</v>
      </c>
      <c r="G62" s="344">
        <v>1177306.0500000017</v>
      </c>
      <c r="H62" s="344">
        <v>3070734.69</v>
      </c>
      <c r="I62" s="344">
        <v>11045871.729999999</v>
      </c>
      <c r="J62" s="203">
        <v>1.5041183206534456</v>
      </c>
      <c r="K62" s="451">
        <v>1304528.2700000012</v>
      </c>
      <c r="L62" s="373"/>
    </row>
    <row r="63" spans="1:12" ht="10.5" x14ac:dyDescent="0.2">
      <c r="A63" s="210" t="s">
        <v>656</v>
      </c>
      <c r="B63" s="337">
        <v>370800</v>
      </c>
      <c r="C63" s="337">
        <v>455400</v>
      </c>
      <c r="D63" s="337">
        <v>191586.38999999998</v>
      </c>
      <c r="E63" s="337">
        <v>331247.70999999996</v>
      </c>
      <c r="F63" s="243">
        <v>3.6825312168233204E-2</v>
      </c>
      <c r="G63" s="337">
        <v>124152.29000000004</v>
      </c>
      <c r="H63" s="337">
        <v>70241.23</v>
      </c>
      <c r="I63" s="337">
        <v>208950.51</v>
      </c>
      <c r="J63" s="243">
        <v>2.8452828159075589E-2</v>
      </c>
      <c r="K63" s="452">
        <v>246449.49</v>
      </c>
      <c r="L63" s="453"/>
    </row>
    <row r="64" spans="1:12" ht="10.5" x14ac:dyDescent="0.2">
      <c r="A64" s="52" t="s">
        <v>686</v>
      </c>
      <c r="B64" s="337">
        <v>10607000</v>
      </c>
      <c r="C64" s="337">
        <v>11895000</v>
      </c>
      <c r="D64" s="337">
        <v>3000493.48</v>
      </c>
      <c r="E64" s="337">
        <v>10841846.239999998</v>
      </c>
      <c r="F64" s="243">
        <v>1.2053045506880196</v>
      </c>
      <c r="G64" s="337">
        <v>1053153.7600000016</v>
      </c>
      <c r="H64" s="337">
        <v>3000493.46</v>
      </c>
      <c r="I64" s="337">
        <v>10836921.219999999</v>
      </c>
      <c r="J64" s="243">
        <v>1.4756654924943702</v>
      </c>
      <c r="K64" s="452">
        <v>1058078.7800000012</v>
      </c>
      <c r="L64" s="453"/>
    </row>
    <row r="65" spans="1:12" ht="10.5" x14ac:dyDescent="0.2">
      <c r="A65" s="210" t="s">
        <v>687</v>
      </c>
      <c r="B65" s="337">
        <v>0</v>
      </c>
      <c r="C65" s="337">
        <v>0</v>
      </c>
      <c r="D65" s="337">
        <v>0</v>
      </c>
      <c r="E65" s="337">
        <v>0</v>
      </c>
      <c r="F65" s="243">
        <v>0</v>
      </c>
      <c r="G65" s="337">
        <v>0</v>
      </c>
      <c r="H65" s="337">
        <v>0</v>
      </c>
      <c r="I65" s="337">
        <v>0</v>
      </c>
      <c r="J65" s="243">
        <v>0</v>
      </c>
      <c r="K65" s="452">
        <v>0</v>
      </c>
      <c r="L65" s="453"/>
    </row>
    <row r="66" spans="1:12" ht="10.5" x14ac:dyDescent="0.2">
      <c r="A66" s="210"/>
      <c r="B66" s="337"/>
      <c r="C66" s="337"/>
      <c r="D66" s="337"/>
      <c r="E66" s="337"/>
      <c r="F66" s="27"/>
      <c r="G66" s="337"/>
      <c r="H66" s="337"/>
      <c r="I66" s="337"/>
      <c r="J66" s="27"/>
      <c r="K66" s="453"/>
      <c r="L66" s="453"/>
    </row>
    <row r="67" spans="1:12" s="75" customFormat="1" ht="10.5" x14ac:dyDescent="0.2">
      <c r="A67" s="159" t="s">
        <v>692</v>
      </c>
      <c r="B67" s="344">
        <v>442400</v>
      </c>
      <c r="C67" s="344">
        <v>610400</v>
      </c>
      <c r="D67" s="344">
        <v>373721.32000000007</v>
      </c>
      <c r="E67" s="344">
        <v>610400</v>
      </c>
      <c r="F67" s="203">
        <v>6.7859097191915838E-2</v>
      </c>
      <c r="G67" s="344">
        <v>0</v>
      </c>
      <c r="H67" s="344">
        <v>116765.18000000002</v>
      </c>
      <c r="I67" s="344">
        <v>353439.0400000001</v>
      </c>
      <c r="J67" s="203">
        <v>4.8127857021400176E-2</v>
      </c>
      <c r="K67" s="451">
        <v>256960.9599999999</v>
      </c>
      <c r="L67" s="373"/>
    </row>
    <row r="68" spans="1:12" ht="10.5" x14ac:dyDescent="0.2">
      <c r="A68" s="210" t="s">
        <v>651</v>
      </c>
      <c r="B68" s="337">
        <v>442400</v>
      </c>
      <c r="C68" s="337">
        <v>610400</v>
      </c>
      <c r="D68" s="337">
        <v>373721.32000000007</v>
      </c>
      <c r="E68" s="337">
        <v>610400</v>
      </c>
      <c r="F68" s="243">
        <v>6.7859097191915838E-2</v>
      </c>
      <c r="G68" s="337">
        <v>0</v>
      </c>
      <c r="H68" s="337">
        <v>116765.18000000002</v>
      </c>
      <c r="I68" s="337">
        <v>353439.0400000001</v>
      </c>
      <c r="J68" s="243">
        <v>4.8127857021400176E-2</v>
      </c>
      <c r="K68" s="452">
        <v>256960.9599999999</v>
      </c>
      <c r="L68" s="453"/>
    </row>
    <row r="69" spans="1:12" ht="10.5" x14ac:dyDescent="0.2">
      <c r="A69" s="210" t="s">
        <v>693</v>
      </c>
      <c r="B69" s="337">
        <v>0</v>
      </c>
      <c r="C69" s="337">
        <v>0</v>
      </c>
      <c r="D69" s="337">
        <v>0</v>
      </c>
      <c r="E69" s="337">
        <v>0</v>
      </c>
      <c r="F69" s="243">
        <v>0</v>
      </c>
      <c r="G69" s="337">
        <v>0</v>
      </c>
      <c r="H69" s="337">
        <v>0</v>
      </c>
      <c r="I69" s="337">
        <v>0</v>
      </c>
      <c r="J69" s="243">
        <v>0</v>
      </c>
      <c r="K69" s="452">
        <v>0</v>
      </c>
      <c r="L69" s="453"/>
    </row>
    <row r="70" spans="1:12" ht="10.5" x14ac:dyDescent="0.2">
      <c r="A70" s="210"/>
      <c r="B70" s="337"/>
      <c r="C70" s="337"/>
      <c r="D70" s="337"/>
      <c r="E70" s="337"/>
      <c r="F70" s="27"/>
      <c r="G70" s="337"/>
      <c r="H70" s="337"/>
      <c r="I70" s="337"/>
      <c r="J70" s="27"/>
      <c r="K70" s="453"/>
      <c r="L70" s="453"/>
    </row>
    <row r="71" spans="1:12" s="75" customFormat="1" ht="10.5" x14ac:dyDescent="0.2">
      <c r="A71" s="159" t="s">
        <v>696</v>
      </c>
      <c r="B71" s="344">
        <v>1948200</v>
      </c>
      <c r="C71" s="344">
        <v>3948200</v>
      </c>
      <c r="D71" s="344">
        <v>1028341.0499999999</v>
      </c>
      <c r="E71" s="344">
        <v>2384465.7399999998</v>
      </c>
      <c r="F71" s="203">
        <v>0.2650846861098517</v>
      </c>
      <c r="G71" s="344">
        <v>1563734.2600000002</v>
      </c>
      <c r="H71" s="344">
        <v>692067.45</v>
      </c>
      <c r="I71" s="344">
        <v>2045625.4299999995</v>
      </c>
      <c r="J71" s="203">
        <v>0.27855317911224581</v>
      </c>
      <c r="K71" s="451">
        <v>1902574.5700000005</v>
      </c>
      <c r="L71" s="373"/>
    </row>
    <row r="72" spans="1:12" ht="10.5" x14ac:dyDescent="0.2">
      <c r="A72" s="597" t="s">
        <v>651</v>
      </c>
      <c r="B72" s="337">
        <v>1948200</v>
      </c>
      <c r="C72" s="337">
        <v>3948200</v>
      </c>
      <c r="D72" s="337">
        <v>1028341.0499999999</v>
      </c>
      <c r="E72" s="337">
        <v>2384465.7399999998</v>
      </c>
      <c r="F72" s="243">
        <v>0.2650846861098517</v>
      </c>
      <c r="G72" s="337">
        <v>1563734.2600000002</v>
      </c>
      <c r="H72" s="337">
        <v>692067.45</v>
      </c>
      <c r="I72" s="337">
        <v>2045625.4299999995</v>
      </c>
      <c r="J72" s="243">
        <v>0.27855317911224581</v>
      </c>
      <c r="K72" s="452">
        <v>1902574.5700000005</v>
      </c>
      <c r="L72" s="453"/>
    </row>
    <row r="73" spans="1:12" ht="10.5" x14ac:dyDescent="0.2">
      <c r="A73" s="210"/>
      <c r="B73" s="337"/>
      <c r="C73" s="337"/>
      <c r="D73" s="337"/>
      <c r="E73" s="337"/>
      <c r="F73" s="27"/>
      <c r="G73" s="337"/>
      <c r="H73" s="337"/>
      <c r="I73" s="337"/>
      <c r="J73" s="27"/>
      <c r="K73" s="453"/>
      <c r="L73" s="453"/>
    </row>
    <row r="74" spans="1:12" s="75" customFormat="1" ht="10.5" x14ac:dyDescent="0.2">
      <c r="A74" s="159" t="s">
        <v>702</v>
      </c>
      <c r="B74" s="344">
        <v>42000</v>
      </c>
      <c r="C74" s="344">
        <v>0</v>
      </c>
      <c r="D74" s="344">
        <v>0</v>
      </c>
      <c r="E74" s="344">
        <v>0</v>
      </c>
      <c r="F74" s="203">
        <v>0</v>
      </c>
      <c r="G74" s="344">
        <v>0</v>
      </c>
      <c r="H74" s="344">
        <v>0</v>
      </c>
      <c r="I74" s="344">
        <v>0</v>
      </c>
      <c r="J74" s="203">
        <v>0</v>
      </c>
      <c r="K74" s="451">
        <v>0</v>
      </c>
      <c r="L74" s="373"/>
    </row>
    <row r="75" spans="1:12" ht="10.5" x14ac:dyDescent="0.2">
      <c r="A75" s="210" t="s">
        <v>703</v>
      </c>
      <c r="B75" s="337">
        <v>42000</v>
      </c>
      <c r="C75" s="337">
        <v>0</v>
      </c>
      <c r="D75" s="337">
        <v>0</v>
      </c>
      <c r="E75" s="337">
        <v>0</v>
      </c>
      <c r="F75" s="243">
        <v>0</v>
      </c>
      <c r="G75" s="337">
        <v>0</v>
      </c>
      <c r="H75" s="337">
        <v>0</v>
      </c>
      <c r="I75" s="337">
        <v>0</v>
      </c>
      <c r="J75" s="243">
        <v>0</v>
      </c>
      <c r="K75" s="452">
        <v>0</v>
      </c>
      <c r="L75" s="453"/>
    </row>
    <row r="76" spans="1:12" ht="10.5" x14ac:dyDescent="0.2">
      <c r="A76" s="210"/>
      <c r="B76" s="337"/>
      <c r="C76" s="337"/>
      <c r="D76" s="337"/>
      <c r="E76" s="337"/>
      <c r="F76" s="27"/>
      <c r="G76" s="337"/>
      <c r="H76" s="337"/>
      <c r="I76" s="337"/>
      <c r="J76" s="27"/>
      <c r="K76" s="453"/>
      <c r="L76" s="453"/>
    </row>
    <row r="77" spans="1:12" s="75" customFormat="1" ht="10.5" x14ac:dyDescent="0.2">
      <c r="A77" s="159" t="s">
        <v>706</v>
      </c>
      <c r="B77" s="344">
        <v>8227000</v>
      </c>
      <c r="C77" s="344">
        <v>18607000</v>
      </c>
      <c r="D77" s="344">
        <v>9696343.8100000005</v>
      </c>
      <c r="E77" s="344">
        <v>18102900.640000001</v>
      </c>
      <c r="F77" s="203">
        <v>2.0125270216011724</v>
      </c>
      <c r="G77" s="344">
        <v>504099.3599999994</v>
      </c>
      <c r="H77" s="344">
        <v>4333772.62</v>
      </c>
      <c r="I77" s="344">
        <v>12729818.199999999</v>
      </c>
      <c r="J77" s="203">
        <v>1.7334216113704288</v>
      </c>
      <c r="K77" s="451">
        <v>5877181.8000000007</v>
      </c>
      <c r="L77" s="373"/>
    </row>
    <row r="78" spans="1:12" ht="10.5" x14ac:dyDescent="0.2">
      <c r="A78" s="210" t="s">
        <v>651</v>
      </c>
      <c r="B78" s="337">
        <v>8227000</v>
      </c>
      <c r="C78" s="337">
        <v>18607000</v>
      </c>
      <c r="D78" s="337">
        <v>9696343.8100000005</v>
      </c>
      <c r="E78" s="337">
        <v>18102900.640000001</v>
      </c>
      <c r="F78" s="243">
        <v>2.0125270216011724</v>
      </c>
      <c r="G78" s="337">
        <v>504099.3599999994</v>
      </c>
      <c r="H78" s="337">
        <v>4333772.62</v>
      </c>
      <c r="I78" s="337">
        <v>12729818.199999999</v>
      </c>
      <c r="J78" s="243">
        <v>1.7334216113704288</v>
      </c>
      <c r="K78" s="452">
        <v>5877181.8000000007</v>
      </c>
      <c r="L78" s="453"/>
    </row>
    <row r="79" spans="1:12" s="301" customFormat="1" ht="12" customHeight="1" x14ac:dyDescent="0.2">
      <c r="A79" s="719" t="s">
        <v>707</v>
      </c>
      <c r="B79" s="625">
        <v>0</v>
      </c>
      <c r="C79" s="625">
        <v>0</v>
      </c>
      <c r="D79" s="625">
        <v>0</v>
      </c>
      <c r="E79" s="625">
        <v>0</v>
      </c>
      <c r="F79" s="720">
        <v>0</v>
      </c>
      <c r="G79" s="625">
        <v>0</v>
      </c>
      <c r="H79" s="625">
        <v>0</v>
      </c>
      <c r="I79" s="625">
        <v>0</v>
      </c>
      <c r="J79" s="243">
        <v>0</v>
      </c>
      <c r="K79" s="721">
        <v>0</v>
      </c>
      <c r="L79" s="677"/>
    </row>
    <row r="80" spans="1:12" ht="10.5" x14ac:dyDescent="0.2">
      <c r="A80" s="210"/>
      <c r="B80" s="337"/>
      <c r="C80" s="337"/>
      <c r="D80" s="337"/>
      <c r="E80" s="337"/>
      <c r="F80" s="27"/>
      <c r="G80" s="337"/>
      <c r="H80" s="337"/>
      <c r="I80" s="337"/>
      <c r="J80" s="27"/>
      <c r="K80" s="453"/>
      <c r="L80" s="453"/>
    </row>
    <row r="81" spans="1:12" s="75" customFormat="1" ht="10.5" x14ac:dyDescent="0.2">
      <c r="A81" s="159" t="s">
        <v>714</v>
      </c>
      <c r="B81" s="344">
        <v>1704600</v>
      </c>
      <c r="C81" s="344">
        <v>2020376.6</v>
      </c>
      <c r="D81" s="344">
        <v>1267860.0299999998</v>
      </c>
      <c r="E81" s="344">
        <v>1933400.13</v>
      </c>
      <c r="F81" s="203">
        <v>0.21493903560375607</v>
      </c>
      <c r="G81" s="344">
        <v>86976.470000000205</v>
      </c>
      <c r="H81" s="344">
        <v>351432.02</v>
      </c>
      <c r="I81" s="344">
        <v>915054.87000000011</v>
      </c>
      <c r="J81" s="203">
        <v>0.12460318461168272</v>
      </c>
      <c r="K81" s="451">
        <v>1105321.73</v>
      </c>
      <c r="L81" s="373"/>
    </row>
    <row r="82" spans="1:12" ht="10.5" x14ac:dyDescent="0.2">
      <c r="A82" s="210" t="s">
        <v>713</v>
      </c>
      <c r="B82" s="337">
        <v>924000</v>
      </c>
      <c r="C82" s="337">
        <v>984000</v>
      </c>
      <c r="D82" s="337">
        <v>539588.90999999992</v>
      </c>
      <c r="E82" s="337">
        <v>935866.97999999986</v>
      </c>
      <c r="F82" s="243">
        <v>0.1040417568062332</v>
      </c>
      <c r="G82" s="337">
        <v>48133.020000000135</v>
      </c>
      <c r="H82" s="337">
        <v>174855.73</v>
      </c>
      <c r="I82" s="337">
        <v>506159.32</v>
      </c>
      <c r="J82" s="243">
        <v>6.8923804747232018E-2</v>
      </c>
      <c r="K82" s="452">
        <v>477840.68</v>
      </c>
      <c r="L82" s="453"/>
    </row>
    <row r="83" spans="1:12" ht="10.5" x14ac:dyDescent="0.2">
      <c r="A83" s="210" t="s">
        <v>715</v>
      </c>
      <c r="B83" s="337">
        <v>776600</v>
      </c>
      <c r="C83" s="337">
        <v>1036376.6</v>
      </c>
      <c r="D83" s="337">
        <v>728271.12</v>
      </c>
      <c r="E83" s="337">
        <v>997533.14999999991</v>
      </c>
      <c r="F83" s="243">
        <v>0.11089727879752287</v>
      </c>
      <c r="G83" s="337">
        <v>38843.45000000007</v>
      </c>
      <c r="H83" s="337">
        <v>176576.29</v>
      </c>
      <c r="I83" s="337">
        <v>408895.55000000005</v>
      </c>
      <c r="J83" s="243">
        <v>5.5679379864450693E-2</v>
      </c>
      <c r="K83" s="452">
        <v>627481.04999999993</v>
      </c>
      <c r="L83" s="453"/>
    </row>
    <row r="84" spans="1:12" ht="10.5" x14ac:dyDescent="0.2">
      <c r="A84" s="210" t="s">
        <v>716</v>
      </c>
      <c r="B84" s="337">
        <v>4000</v>
      </c>
      <c r="C84" s="337">
        <v>0</v>
      </c>
      <c r="D84" s="337">
        <v>0</v>
      </c>
      <c r="E84" s="337">
        <v>0</v>
      </c>
      <c r="F84" s="243">
        <v>0</v>
      </c>
      <c r="G84" s="337">
        <v>0</v>
      </c>
      <c r="H84" s="337">
        <v>0</v>
      </c>
      <c r="I84" s="337">
        <v>0</v>
      </c>
      <c r="J84" s="243">
        <v>0</v>
      </c>
      <c r="K84" s="452">
        <v>0</v>
      </c>
      <c r="L84" s="453"/>
    </row>
    <row r="85" spans="1:12" ht="10.5" x14ac:dyDescent="0.2">
      <c r="A85" s="210"/>
      <c r="B85" s="337"/>
      <c r="C85" s="337"/>
      <c r="D85" s="337"/>
      <c r="E85" s="337"/>
      <c r="F85" s="27"/>
      <c r="G85" s="337"/>
      <c r="H85" s="337"/>
      <c r="I85" s="337"/>
      <c r="J85" s="27"/>
      <c r="K85" s="453"/>
      <c r="L85" s="453"/>
    </row>
    <row r="86" spans="1:12" s="75" customFormat="1" ht="10.5" x14ac:dyDescent="0.2">
      <c r="A86" s="159" t="s">
        <v>763</v>
      </c>
      <c r="B86" s="344">
        <v>579600</v>
      </c>
      <c r="C86" s="344">
        <v>579600</v>
      </c>
      <c r="D86" s="344">
        <v>76741.69</v>
      </c>
      <c r="E86" s="344">
        <v>225182.23</v>
      </c>
      <c r="F86" s="203">
        <v>2.5033851296629005E-2</v>
      </c>
      <c r="G86" s="344">
        <v>354417.77</v>
      </c>
      <c r="H86" s="344">
        <v>76313.560000000012</v>
      </c>
      <c r="I86" s="344">
        <v>223486.9</v>
      </c>
      <c r="J86" s="203">
        <v>3.0432250974187669E-2</v>
      </c>
      <c r="K86" s="451">
        <v>356113.1</v>
      </c>
      <c r="L86" s="373"/>
    </row>
    <row r="87" spans="1:12" ht="10.5" x14ac:dyDescent="0.2">
      <c r="A87" s="210" t="s">
        <v>713</v>
      </c>
      <c r="B87" s="337">
        <v>579600</v>
      </c>
      <c r="C87" s="337">
        <v>579600</v>
      </c>
      <c r="D87" s="337">
        <v>76741.69</v>
      </c>
      <c r="E87" s="337">
        <v>225182.23</v>
      </c>
      <c r="F87" s="243">
        <v>2.5033851296629005E-2</v>
      </c>
      <c r="G87" s="337">
        <v>354417.77</v>
      </c>
      <c r="H87" s="337">
        <v>76313.560000000012</v>
      </c>
      <c r="I87" s="337">
        <v>223486.9</v>
      </c>
      <c r="J87" s="243">
        <v>3.0432250974187669E-2</v>
      </c>
      <c r="K87" s="452">
        <v>356113.1</v>
      </c>
      <c r="L87" s="453"/>
    </row>
    <row r="88" spans="1:12" ht="10.5" x14ac:dyDescent="0.2">
      <c r="A88" s="210"/>
      <c r="B88" s="337"/>
      <c r="C88" s="337"/>
      <c r="D88" s="337"/>
      <c r="E88" s="337"/>
      <c r="F88" s="27"/>
      <c r="G88" s="337"/>
      <c r="H88" s="337"/>
      <c r="I88" s="337"/>
      <c r="J88" s="27"/>
      <c r="K88" s="453"/>
      <c r="L88" s="453"/>
    </row>
    <row r="89" spans="1:12" s="75" customFormat="1" ht="10.5" x14ac:dyDescent="0.2">
      <c r="A89" s="159" t="s">
        <v>720</v>
      </c>
      <c r="B89" s="344">
        <v>15101300</v>
      </c>
      <c r="C89" s="344">
        <v>32803300</v>
      </c>
      <c r="D89" s="344">
        <v>22630011.93</v>
      </c>
      <c r="E89" s="344">
        <v>32440769.129999999</v>
      </c>
      <c r="F89" s="203">
        <v>3.6064896877017909</v>
      </c>
      <c r="G89" s="344">
        <v>362530.87000000104</v>
      </c>
      <c r="H89" s="344">
        <v>5105186.1500000004</v>
      </c>
      <c r="I89" s="344">
        <v>14915943.289999999</v>
      </c>
      <c r="J89" s="203">
        <v>2.0311066542067144</v>
      </c>
      <c r="K89" s="451">
        <v>17887356.710000001</v>
      </c>
      <c r="L89" s="373"/>
    </row>
    <row r="90" spans="1:12" ht="10.5" x14ac:dyDescent="0.2">
      <c r="A90" s="210" t="s">
        <v>651</v>
      </c>
      <c r="B90" s="337">
        <v>15101300</v>
      </c>
      <c r="C90" s="337">
        <v>32803300</v>
      </c>
      <c r="D90" s="337">
        <v>22630011.93</v>
      </c>
      <c r="E90" s="337">
        <v>32440769.129999999</v>
      </c>
      <c r="F90" s="243">
        <v>3.6064896877017909</v>
      </c>
      <c r="G90" s="337">
        <v>362530.87000000104</v>
      </c>
      <c r="H90" s="337">
        <v>5105186.1500000004</v>
      </c>
      <c r="I90" s="337">
        <v>14915943.289999999</v>
      </c>
      <c r="J90" s="243">
        <v>2.0311066542067144</v>
      </c>
      <c r="K90" s="452">
        <v>17887356.710000001</v>
      </c>
      <c r="L90" s="453"/>
    </row>
    <row r="91" spans="1:12" s="208" customFormat="1" ht="10.5" x14ac:dyDescent="0.2">
      <c r="A91" s="210"/>
      <c r="B91" s="337"/>
      <c r="C91" s="337"/>
      <c r="D91" s="337"/>
      <c r="E91" s="337"/>
      <c r="F91" s="27"/>
      <c r="G91" s="337"/>
      <c r="H91" s="337"/>
      <c r="I91" s="337"/>
      <c r="J91" s="27"/>
      <c r="K91" s="453"/>
      <c r="L91" s="453"/>
    </row>
    <row r="92" spans="1:12" s="75" customFormat="1" ht="10.5" x14ac:dyDescent="0.2">
      <c r="A92" s="159" t="s">
        <v>725</v>
      </c>
      <c r="B92" s="344">
        <v>68000</v>
      </c>
      <c r="C92" s="344">
        <v>152000</v>
      </c>
      <c r="D92" s="344">
        <v>33689.64</v>
      </c>
      <c r="E92" s="344">
        <v>73404.84</v>
      </c>
      <c r="F92" s="203">
        <v>8.1605278045822922E-3</v>
      </c>
      <c r="G92" s="344">
        <v>78595.16</v>
      </c>
      <c r="H92" s="344">
        <v>13659.569999999998</v>
      </c>
      <c r="I92" s="344">
        <v>52372.789999999986</v>
      </c>
      <c r="J92" s="203">
        <v>7.1316121414652309E-3</v>
      </c>
      <c r="K92" s="451">
        <v>99627.210000000021</v>
      </c>
      <c r="L92" s="373"/>
    </row>
    <row r="93" spans="1:12" ht="10.5" x14ac:dyDescent="0.2">
      <c r="A93" s="210" t="s">
        <v>726</v>
      </c>
      <c r="B93" s="337">
        <v>40000</v>
      </c>
      <c r="C93" s="337">
        <v>40000</v>
      </c>
      <c r="D93" s="337">
        <v>0</v>
      </c>
      <c r="E93" s="337">
        <v>0</v>
      </c>
      <c r="F93" s="243">
        <v>0</v>
      </c>
      <c r="G93" s="337">
        <v>40000</v>
      </c>
      <c r="H93" s="337">
        <v>0</v>
      </c>
      <c r="I93" s="337">
        <v>0</v>
      </c>
      <c r="J93" s="243">
        <v>0</v>
      </c>
      <c r="K93" s="452">
        <v>40000</v>
      </c>
      <c r="L93" s="453"/>
    </row>
    <row r="94" spans="1:12" ht="10.5" x14ac:dyDescent="0.2">
      <c r="A94" s="210" t="s">
        <v>727</v>
      </c>
      <c r="B94" s="337">
        <v>28000</v>
      </c>
      <c r="C94" s="337">
        <v>112000</v>
      </c>
      <c r="D94" s="337">
        <v>33689.64</v>
      </c>
      <c r="E94" s="337">
        <v>73404.84</v>
      </c>
      <c r="F94" s="243">
        <v>8.1605278045822922E-3</v>
      </c>
      <c r="G94" s="337">
        <v>38595.160000000003</v>
      </c>
      <c r="H94" s="337">
        <v>13659.569999999998</v>
      </c>
      <c r="I94" s="337">
        <v>52372.789999999986</v>
      </c>
      <c r="J94" s="243">
        <v>7.1316121414652309E-3</v>
      </c>
      <c r="K94" s="452">
        <v>59627.210000000014</v>
      </c>
      <c r="L94" s="453"/>
    </row>
    <row r="95" spans="1:12" ht="10.5" x14ac:dyDescent="0.2">
      <c r="A95" s="210"/>
      <c r="B95" s="337"/>
      <c r="C95" s="337"/>
      <c r="D95" s="337"/>
      <c r="E95" s="337"/>
      <c r="F95" s="27"/>
      <c r="G95" s="337"/>
      <c r="H95" s="337"/>
      <c r="I95" s="337"/>
      <c r="J95" s="27"/>
      <c r="K95" s="453"/>
      <c r="L95" s="453"/>
    </row>
    <row r="96" spans="1:12" s="75" customFormat="1" ht="10.5" x14ac:dyDescent="0.2">
      <c r="A96" s="159" t="s">
        <v>728</v>
      </c>
      <c r="B96" s="344">
        <v>98060000</v>
      </c>
      <c r="C96" s="344">
        <v>69473000</v>
      </c>
      <c r="D96" s="344">
        <v>8769999.6400000006</v>
      </c>
      <c r="E96" s="344">
        <v>13402607.640000001</v>
      </c>
      <c r="F96" s="203">
        <v>1.4899882936891773</v>
      </c>
      <c r="G96" s="344">
        <v>56070392.359999999</v>
      </c>
      <c r="H96" s="344">
        <v>2210320.9900000002</v>
      </c>
      <c r="I96" s="344">
        <v>6680627.0499999998</v>
      </c>
      <c r="J96" s="203">
        <v>0.90970217516349727</v>
      </c>
      <c r="K96" s="451">
        <v>62792372.950000003</v>
      </c>
      <c r="L96" s="373"/>
    </row>
    <row r="97" spans="1:12" ht="10.5" x14ac:dyDescent="0.2">
      <c r="A97" s="210" t="s">
        <v>731</v>
      </c>
      <c r="B97" s="337">
        <v>98060000</v>
      </c>
      <c r="C97" s="337">
        <v>69473000</v>
      </c>
      <c r="D97" s="337">
        <v>8769999.6400000006</v>
      </c>
      <c r="E97" s="337">
        <v>13402607.640000001</v>
      </c>
      <c r="F97" s="243">
        <v>1.4899882936891773</v>
      </c>
      <c r="G97" s="337">
        <v>56070392.359999999</v>
      </c>
      <c r="H97" s="337">
        <v>2210320.9900000002</v>
      </c>
      <c r="I97" s="337">
        <v>6680627.0499999998</v>
      </c>
      <c r="J97" s="243">
        <v>0.90970217516349727</v>
      </c>
      <c r="K97" s="452">
        <v>62792372.950000003</v>
      </c>
      <c r="L97" s="453"/>
    </row>
    <row r="98" spans="1:12" ht="15" customHeight="1" x14ac:dyDescent="0.2">
      <c r="A98" s="161" t="s">
        <v>737</v>
      </c>
      <c r="B98" s="356">
        <v>931270300</v>
      </c>
      <c r="C98" s="356">
        <v>1105784075.8699999</v>
      </c>
      <c r="D98" s="356">
        <v>315211601.90999991</v>
      </c>
      <c r="E98" s="356">
        <v>899510935.53999996</v>
      </c>
      <c r="F98" s="244">
        <v>100</v>
      </c>
      <c r="G98" s="356">
        <v>206273140.32999992</v>
      </c>
      <c r="H98" s="356">
        <v>250887602.32000002</v>
      </c>
      <c r="I98" s="356">
        <v>734375186.99999988</v>
      </c>
      <c r="J98" s="244">
        <v>100</v>
      </c>
      <c r="K98" s="454">
        <v>371408888.86999995</v>
      </c>
      <c r="L98" s="456"/>
    </row>
    <row r="99" spans="1:12" ht="10.5" x14ac:dyDescent="0.2">
      <c r="A99" s="52" t="s">
        <v>880</v>
      </c>
      <c r="L99" s="330"/>
    </row>
    <row r="100" spans="1:12" ht="10.5" x14ac:dyDescent="0.2">
      <c r="A100" s="223"/>
    </row>
    <row r="101" spans="1:12" ht="10.5" x14ac:dyDescent="0.2">
      <c r="A101" s="204"/>
      <c r="C101" s="601"/>
    </row>
    <row r="102" spans="1:12" s="301" customFormat="1" ht="10.5" x14ac:dyDescent="0.2">
      <c r="A102" s="547"/>
      <c r="B102" s="52"/>
      <c r="C102" s="52"/>
      <c r="D102" s="52"/>
      <c r="E102" s="52"/>
      <c r="F102" s="52"/>
      <c r="G102" s="52"/>
      <c r="H102" s="52"/>
      <c r="I102" s="52"/>
      <c r="J102" s="52"/>
      <c r="K102" s="52"/>
      <c r="L102" s="52"/>
    </row>
    <row r="103" spans="1:12" s="301" customFormat="1" ht="10.5" x14ac:dyDescent="0.2">
      <c r="A103" s="547"/>
      <c r="B103" s="52"/>
      <c r="C103" s="52"/>
      <c r="D103" s="52"/>
      <c r="E103" s="52"/>
      <c r="F103" s="52"/>
      <c r="G103" s="52"/>
      <c r="H103" s="52"/>
      <c r="I103" s="52"/>
      <c r="J103" s="52"/>
      <c r="K103" s="52"/>
      <c r="L103" s="52"/>
    </row>
    <row r="104" spans="1:12" s="301" customFormat="1" ht="10.5" x14ac:dyDescent="0.2">
      <c r="A104" s="547"/>
      <c r="B104" s="52"/>
      <c r="C104" s="52"/>
      <c r="D104" s="52"/>
      <c r="E104" s="52"/>
      <c r="F104" s="52"/>
      <c r="G104" s="52"/>
      <c r="H104" s="52"/>
      <c r="I104" s="52"/>
      <c r="J104" s="52"/>
      <c r="K104" s="52"/>
      <c r="L104" s="52"/>
    </row>
    <row r="105" spans="1:12" ht="10.5" x14ac:dyDescent="0.2"/>
    <row r="106" spans="1:12" ht="10.5" x14ac:dyDescent="0.2"/>
    <row r="107" spans="1:12" ht="10.5" x14ac:dyDescent="0.2"/>
    <row r="108" spans="1:12" s="52" customFormat="1" ht="11.25" customHeight="1" x14ac:dyDescent="0.2"/>
    <row r="109" spans="1:12" s="52" customFormat="1" ht="11.25" customHeight="1" x14ac:dyDescent="0.2"/>
    <row r="110" spans="1:12" s="52" customFormat="1" ht="11.25" customHeight="1" x14ac:dyDescent="0.2"/>
    <row r="111" spans="1:12" s="52" customFormat="1" ht="11.25" customHeight="1" x14ac:dyDescent="0.2"/>
    <row r="112" spans="1:12" s="52" customFormat="1" ht="11.25" customHeight="1" x14ac:dyDescent="0.2"/>
    <row r="113" s="52" customFormat="1" ht="11.25" customHeight="1" x14ac:dyDescent="0.2"/>
    <row r="114" s="52" customFormat="1" ht="11.25" customHeight="1"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row r="167" ht="10.5" x14ac:dyDescent="0.2"/>
  </sheetData>
  <customSheetViews>
    <customSheetView guid="{82EDB5A4-4824-4632-A540-7A52C92F04C7}" showPageBreaks="1" showGridLines="0" fitToPage="1" printArea="1" topLeftCell="A70">
      <selection activeCell="B101" sqref="B101"/>
      <pageMargins left="0.19685039370078741" right="0.19685039370078741" top="0.59055118110236227" bottom="0.19685039370078741" header="0" footer="0"/>
      <printOptions horizontalCentered="1"/>
      <pageSetup paperSize="9" scale="45" orientation="portrait" r:id="rId1"/>
    </customSheetView>
    <customSheetView guid="{3AAF6A5F-F9AA-430B-9AD9-1261ECDF41B5}" scale="90" showPageBreaks="1" showGridLines="0" fitToPage="1">
      <selection activeCell="E32" sqref="E32"/>
      <pageMargins left="0.19685039370078741" right="0.19685039370078741" top="0.19685039370078741" bottom="0.19685039370078741" header="0" footer="0"/>
      <printOptions horizontalCentered="1"/>
      <pageSetup paperSize="9" scale="44" orientation="portrait" r:id="rId2"/>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3"/>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45" orientation="portrait" r:id="rId4"/>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paperSize="9" scale="44" orientation="portrait" r:id="rId5"/>
    </customSheetView>
    <customSheetView guid="{C779D862-DE28-46CD-A428-4AAA1056D1E1}" showPageBreaks="1" showGridLines="0" fitToPage="1" printArea="1" topLeftCell="A70">
      <selection activeCell="B101" sqref="B101"/>
      <pageMargins left="0.19685039370078741" right="0.19685039370078741" top="0.59055118110236227" bottom="0.19685039370078741" header="0" footer="0"/>
      <printOptions horizontalCentered="1"/>
      <pageSetup paperSize="9" scale="44"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3"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pageSetUpPr fitToPage="1"/>
  </sheetPr>
  <dimension ref="A1:P88"/>
  <sheetViews>
    <sheetView showGridLines="0" zoomScaleNormal="100" workbookViewId="0"/>
  </sheetViews>
  <sheetFormatPr defaultColWidth="4.140625" defaultRowHeight="11.25" customHeight="1" x14ac:dyDescent="0.2"/>
  <cols>
    <col min="1" max="1" width="45.140625" style="301" customWidth="1"/>
    <col min="2" max="2" width="17.28515625" style="342" customWidth="1"/>
    <col min="3" max="3" width="19" style="342" customWidth="1"/>
    <col min="4" max="4" width="19" style="342" bestFit="1" customWidth="1"/>
    <col min="5" max="5" width="19.7109375" style="342" customWidth="1"/>
    <col min="6" max="6" width="19" style="342" bestFit="1" customWidth="1"/>
    <col min="7" max="7" width="20.140625" style="346" bestFit="1" customWidth="1"/>
    <col min="8" max="8" width="19" style="342" customWidth="1"/>
    <col min="9" max="9" width="4.140625" style="240"/>
    <col min="10" max="12" width="4.140625" style="301"/>
    <col min="13" max="13" width="5.140625" style="301" customWidth="1"/>
    <col min="14" max="14" width="4.140625" style="301"/>
    <col min="15" max="15" width="19" style="301" bestFit="1" customWidth="1"/>
    <col min="16" max="16" width="10.28515625" style="301" customWidth="1"/>
    <col min="17" max="16384" width="4.140625" style="301"/>
  </cols>
  <sheetData>
    <row r="1" spans="1:9" s="29" customFormat="1" ht="11.25" customHeight="1" x14ac:dyDescent="0.2">
      <c r="A1" s="328"/>
      <c r="B1" s="342"/>
      <c r="C1" s="342"/>
      <c r="D1" s="342"/>
      <c r="E1" s="342"/>
      <c r="F1" s="342"/>
      <c r="G1" s="346"/>
      <c r="H1" s="346"/>
      <c r="I1" s="128"/>
    </row>
    <row r="2" spans="1:9" s="53" customFormat="1" ht="11.25" customHeight="1" x14ac:dyDescent="0.2">
      <c r="A2" s="704"/>
      <c r="B2" s="616"/>
      <c r="C2" s="616"/>
      <c r="D2" s="616"/>
      <c r="E2" s="616"/>
      <c r="F2" s="616"/>
      <c r="G2" s="702"/>
      <c r="H2" s="702"/>
      <c r="I2" s="34"/>
    </row>
    <row r="3" spans="1:9" s="282" customFormat="1" ht="11.25" customHeight="1" x14ac:dyDescent="0.2">
      <c r="A3" s="762" t="s">
        <v>641</v>
      </c>
      <c r="B3" s="762"/>
      <c r="C3" s="762"/>
      <c r="D3" s="762"/>
      <c r="E3" s="762"/>
      <c r="F3" s="762"/>
      <c r="G3" s="762"/>
      <c r="H3" s="762"/>
      <c r="I3" s="718"/>
    </row>
    <row r="4" spans="1:9" s="282" customFormat="1" ht="11.25" customHeight="1" x14ac:dyDescent="0.2">
      <c r="A4" s="762" t="s">
        <v>105</v>
      </c>
      <c r="B4" s="762"/>
      <c r="C4" s="762"/>
      <c r="D4" s="762"/>
      <c r="E4" s="762"/>
      <c r="F4" s="762"/>
      <c r="G4" s="762"/>
      <c r="H4" s="762"/>
      <c r="I4" s="718"/>
    </row>
    <row r="5" spans="1:9" s="282" customFormat="1" ht="11.25" customHeight="1" x14ac:dyDescent="0.2">
      <c r="A5" s="762" t="s">
        <v>171</v>
      </c>
      <c r="B5" s="762"/>
      <c r="C5" s="762"/>
      <c r="D5" s="762"/>
      <c r="E5" s="762"/>
      <c r="F5" s="762"/>
      <c r="G5" s="762"/>
      <c r="H5" s="762"/>
      <c r="I5" s="718"/>
    </row>
    <row r="6" spans="1:9" s="282" customFormat="1" ht="11.25" customHeight="1" x14ac:dyDescent="0.2">
      <c r="A6" s="762" t="s">
        <v>107</v>
      </c>
      <c r="B6" s="762"/>
      <c r="C6" s="762"/>
      <c r="D6" s="762"/>
      <c r="E6" s="762"/>
      <c r="F6" s="762"/>
      <c r="G6" s="762"/>
      <c r="H6" s="762"/>
      <c r="I6" s="718"/>
    </row>
    <row r="7" spans="1:9" s="282" customFormat="1" ht="11.25" customHeight="1" x14ac:dyDescent="0.2">
      <c r="A7" s="795" t="s">
        <v>875</v>
      </c>
      <c r="B7" s="795"/>
      <c r="C7" s="795"/>
      <c r="D7" s="795"/>
      <c r="E7" s="795"/>
      <c r="F7" s="795"/>
      <c r="G7" s="795"/>
      <c r="H7" s="795"/>
      <c r="I7" s="718"/>
    </row>
    <row r="8" spans="1:9" s="29" customFormat="1" ht="11.25" customHeight="1" x14ac:dyDescent="0.2">
      <c r="A8" s="53"/>
      <c r="B8" s="616"/>
      <c r="C8" s="616"/>
      <c r="D8" s="616"/>
      <c r="E8" s="616"/>
      <c r="F8" s="616"/>
      <c r="G8" s="616"/>
      <c r="H8" s="702"/>
      <c r="I8" s="128"/>
    </row>
    <row r="9" spans="1:9" s="29" customFormat="1" ht="11.25" customHeight="1" x14ac:dyDescent="0.2">
      <c r="A9" s="29" t="s">
        <v>365</v>
      </c>
      <c r="B9" s="342"/>
      <c r="C9" s="342"/>
      <c r="D9" s="342"/>
      <c r="E9" s="342"/>
      <c r="F9" s="342"/>
      <c r="G9" s="353"/>
      <c r="H9" s="708">
        <v>1</v>
      </c>
      <c r="I9" s="128"/>
    </row>
    <row r="10" spans="1:9" ht="11.25" customHeight="1" x14ac:dyDescent="0.2">
      <c r="A10" s="822" t="s">
        <v>173</v>
      </c>
      <c r="B10" s="827" t="s">
        <v>172</v>
      </c>
      <c r="C10" s="828"/>
      <c r="D10" s="828"/>
      <c r="E10" s="828"/>
      <c r="F10" s="828"/>
      <c r="G10" s="828"/>
      <c r="H10" s="828"/>
    </row>
    <row r="11" spans="1:9" ht="11.25" customHeight="1" x14ac:dyDescent="0.2">
      <c r="A11" s="825"/>
      <c r="B11" s="830"/>
      <c r="C11" s="831"/>
      <c r="D11" s="831"/>
      <c r="E11" s="831"/>
      <c r="F11" s="831"/>
      <c r="G11" s="831"/>
      <c r="H11" s="831"/>
    </row>
    <row r="12" spans="1:9" ht="15" customHeight="1" x14ac:dyDescent="0.2">
      <c r="A12" s="826"/>
      <c r="B12" s="709" t="s">
        <v>876</v>
      </c>
      <c r="C12" s="709" t="s">
        <v>877</v>
      </c>
      <c r="D12" s="706" t="s">
        <v>878</v>
      </c>
      <c r="E12" s="359" t="s">
        <v>879</v>
      </c>
      <c r="F12" s="703" t="s">
        <v>740</v>
      </c>
      <c r="G12" s="359" t="s">
        <v>741</v>
      </c>
      <c r="H12" s="703" t="s">
        <v>742</v>
      </c>
    </row>
    <row r="13" spans="1:9" s="75" customFormat="1" ht="10.5" x14ac:dyDescent="0.2">
      <c r="A13" s="144" t="s">
        <v>176</v>
      </c>
      <c r="B13" s="630">
        <v>890889364.90999985</v>
      </c>
      <c r="C13" s="630">
        <v>915443199.46999991</v>
      </c>
      <c r="D13" s="710">
        <v>994232935.98000026</v>
      </c>
      <c r="E13" s="710">
        <v>956570459.6500001</v>
      </c>
      <c r="F13" s="710">
        <v>976776025.08000004</v>
      </c>
      <c r="G13" s="710">
        <v>1201079487.22</v>
      </c>
      <c r="H13" s="710">
        <v>1101788593.7499998</v>
      </c>
      <c r="I13" s="174"/>
    </row>
    <row r="14" spans="1:9" ht="10.5" x14ac:dyDescent="0.2">
      <c r="A14" s="32" t="s">
        <v>177</v>
      </c>
      <c r="B14" s="625">
        <v>610174964.88</v>
      </c>
      <c r="C14" s="625">
        <v>634901843.94999993</v>
      </c>
      <c r="D14" s="626">
        <v>659430702.19000018</v>
      </c>
      <c r="E14" s="626">
        <v>647493051.22000003</v>
      </c>
      <c r="F14" s="626">
        <v>668965536.63</v>
      </c>
      <c r="G14" s="711">
        <v>821390933.29000008</v>
      </c>
      <c r="H14" s="626">
        <v>799499913.00999999</v>
      </c>
    </row>
    <row r="15" spans="1:9" ht="10.5" x14ac:dyDescent="0.2">
      <c r="A15" s="32" t="s">
        <v>419</v>
      </c>
      <c r="B15" s="711">
        <v>531976524.31999999</v>
      </c>
      <c r="C15" s="712">
        <v>566627986.98000002</v>
      </c>
      <c r="D15" s="713">
        <v>583110606.36000001</v>
      </c>
      <c r="E15" s="382">
        <v>563162368.09000003</v>
      </c>
      <c r="F15" s="714">
        <v>591782160.12</v>
      </c>
      <c r="G15" s="714">
        <v>644552828.45000005</v>
      </c>
      <c r="H15" s="626">
        <v>587682625.99000001</v>
      </c>
    </row>
    <row r="16" spans="1:9" ht="10.5" x14ac:dyDescent="0.2">
      <c r="A16" s="32" t="s">
        <v>420</v>
      </c>
      <c r="B16" s="711">
        <v>8989663.1300000008</v>
      </c>
      <c r="C16" s="712">
        <v>7041915.29</v>
      </c>
      <c r="D16" s="711">
        <v>6654875.0700000003</v>
      </c>
      <c r="E16" s="382">
        <v>5748342.3700000001</v>
      </c>
      <c r="F16" s="714">
        <v>4093667.23</v>
      </c>
      <c r="G16" s="714">
        <v>24116335.530000001</v>
      </c>
      <c r="H16" s="626">
        <v>174535106.62</v>
      </c>
    </row>
    <row r="17" spans="1:9" ht="10.5" x14ac:dyDescent="0.2">
      <c r="A17" s="32" t="s">
        <v>421</v>
      </c>
      <c r="B17" s="711">
        <v>8990227.9199999999</v>
      </c>
      <c r="C17" s="712">
        <v>7891363.6799999997</v>
      </c>
      <c r="D17" s="711">
        <v>8677874.8300000001</v>
      </c>
      <c r="E17" s="382">
        <v>9104226.2400000002</v>
      </c>
      <c r="F17" s="714">
        <v>9590093.0399999991</v>
      </c>
      <c r="G17" s="714">
        <v>9291101.3300000001</v>
      </c>
      <c r="H17" s="626">
        <v>6900379.1200000001</v>
      </c>
    </row>
    <row r="18" spans="1:9" ht="10.5" x14ac:dyDescent="0.2">
      <c r="A18" s="32" t="s">
        <v>418</v>
      </c>
      <c r="B18" s="711">
        <v>39488695.130000003</v>
      </c>
      <c r="C18" s="712">
        <v>32081373.640000001</v>
      </c>
      <c r="D18" s="711">
        <v>38826055.219999999</v>
      </c>
      <c r="E18" s="382">
        <v>46314571.149999999</v>
      </c>
      <c r="F18" s="714">
        <v>40486661.350000001</v>
      </c>
      <c r="G18" s="714">
        <v>115181364.06999999</v>
      </c>
      <c r="H18" s="626">
        <v>16444108.98</v>
      </c>
    </row>
    <row r="19" spans="1:9" ht="10.5" x14ac:dyDescent="0.2">
      <c r="A19" s="32" t="s">
        <v>422</v>
      </c>
      <c r="B19" s="711">
        <v>20729854.379999999</v>
      </c>
      <c r="C19" s="712">
        <v>21259204.359999999</v>
      </c>
      <c r="D19" s="711">
        <v>22161290.710000001</v>
      </c>
      <c r="E19" s="382">
        <v>23163543.370000001</v>
      </c>
      <c r="F19" s="714">
        <v>23012954.890000001</v>
      </c>
      <c r="G19" s="714">
        <v>28249303.91</v>
      </c>
      <c r="H19" s="626">
        <v>13937692.300000001</v>
      </c>
    </row>
    <row r="20" spans="1:9" ht="10.5" x14ac:dyDescent="0.2">
      <c r="A20" s="32" t="s">
        <v>178</v>
      </c>
      <c r="B20" s="711">
        <v>27026013.52</v>
      </c>
      <c r="C20" s="712">
        <v>17815693.469999999</v>
      </c>
      <c r="D20" s="711">
        <v>25857545.280000001</v>
      </c>
      <c r="E20" s="382">
        <v>34439551.350000001</v>
      </c>
      <c r="F20" s="714">
        <v>28319763.510000002</v>
      </c>
      <c r="G20" s="714">
        <v>55144049.049999997</v>
      </c>
      <c r="H20" s="626">
        <v>12848164.560000001</v>
      </c>
    </row>
    <row r="21" spans="1:9" ht="10.5" x14ac:dyDescent="0.2">
      <c r="A21" s="32" t="s">
        <v>179</v>
      </c>
      <c r="B21" s="711">
        <v>17111027.379999999</v>
      </c>
      <c r="C21" s="712">
        <v>12938259.609999999</v>
      </c>
      <c r="D21" s="711">
        <v>22675316.57</v>
      </c>
      <c r="E21" s="382">
        <v>18178530.419999998</v>
      </c>
      <c r="F21" s="714">
        <v>763264.52</v>
      </c>
      <c r="G21" s="714">
        <v>963986.26</v>
      </c>
      <c r="H21" s="626">
        <v>6723383.3899999997</v>
      </c>
    </row>
    <row r="22" spans="1:9" ht="10.5" x14ac:dyDescent="0.2">
      <c r="A22" s="32" t="s">
        <v>180</v>
      </c>
      <c r="B22" s="711">
        <v>0</v>
      </c>
      <c r="C22" s="712">
        <v>0</v>
      </c>
      <c r="D22" s="711">
        <v>0</v>
      </c>
      <c r="E22" s="382">
        <v>0</v>
      </c>
      <c r="F22" s="714">
        <v>0</v>
      </c>
      <c r="G22" s="714">
        <v>0</v>
      </c>
      <c r="H22" s="626">
        <v>0</v>
      </c>
    </row>
    <row r="23" spans="1:9" ht="10.5" x14ac:dyDescent="0.2">
      <c r="A23" s="32" t="s">
        <v>181</v>
      </c>
      <c r="B23" s="711">
        <v>0</v>
      </c>
      <c r="C23" s="712">
        <v>0</v>
      </c>
      <c r="D23" s="713">
        <v>0</v>
      </c>
      <c r="E23" s="382">
        <v>0</v>
      </c>
      <c r="F23" s="714">
        <v>0</v>
      </c>
      <c r="G23" s="714">
        <v>0</v>
      </c>
      <c r="H23" s="626">
        <v>0</v>
      </c>
    </row>
    <row r="24" spans="1:9" ht="10.5" x14ac:dyDescent="0.2">
      <c r="A24" s="32" t="s">
        <v>186</v>
      </c>
      <c r="B24" s="711">
        <v>43769286.039999999</v>
      </c>
      <c r="C24" s="712">
        <v>41043220.850000001</v>
      </c>
      <c r="D24" s="711">
        <v>41039468.100000001</v>
      </c>
      <c r="E24" s="382">
        <v>42175749.440000005</v>
      </c>
      <c r="F24" s="714">
        <v>47200659.609999999</v>
      </c>
      <c r="G24" s="714">
        <v>44921170.450000003</v>
      </c>
      <c r="H24" s="626">
        <v>30602025.84</v>
      </c>
    </row>
    <row r="25" spans="1:9" ht="10.5" x14ac:dyDescent="0.2">
      <c r="A25" s="32" t="s">
        <v>182</v>
      </c>
      <c r="B25" s="625">
        <v>178861677.57999998</v>
      </c>
      <c r="C25" s="625">
        <v>197102882.17000002</v>
      </c>
      <c r="D25" s="626">
        <v>187858057.81</v>
      </c>
      <c r="E25" s="626">
        <v>204732443.35999998</v>
      </c>
      <c r="F25" s="626">
        <v>221099976.99000001</v>
      </c>
      <c r="G25" s="626">
        <v>228080175.49000001</v>
      </c>
      <c r="H25" s="626">
        <v>242400879.34999999</v>
      </c>
    </row>
    <row r="26" spans="1:9" ht="10.5" x14ac:dyDescent="0.2">
      <c r="A26" s="32" t="s">
        <v>423</v>
      </c>
      <c r="B26" s="711">
        <v>63143202.659999996</v>
      </c>
      <c r="C26" s="712">
        <v>76708248.260000005</v>
      </c>
      <c r="D26" s="711">
        <v>67241193.370000005</v>
      </c>
      <c r="E26" s="382">
        <v>63549852.159999996</v>
      </c>
      <c r="F26" s="714">
        <v>84116356.060000002</v>
      </c>
      <c r="G26" s="714">
        <v>92395654.930000007</v>
      </c>
      <c r="H26" s="626">
        <v>103504091.45</v>
      </c>
    </row>
    <row r="27" spans="1:9" ht="10.5" x14ac:dyDescent="0.2">
      <c r="A27" s="32" t="s">
        <v>424</v>
      </c>
      <c r="B27" s="711">
        <v>1504729.69</v>
      </c>
      <c r="C27" s="712">
        <v>1504729.69</v>
      </c>
      <c r="D27" s="711">
        <v>1504729.69</v>
      </c>
      <c r="E27" s="382">
        <v>1504729.69</v>
      </c>
      <c r="F27" s="714">
        <v>1504729.69</v>
      </c>
      <c r="G27" s="714">
        <v>3009459.38</v>
      </c>
      <c r="H27" s="626">
        <v>0</v>
      </c>
    </row>
    <row r="28" spans="1:9" ht="10.5" x14ac:dyDescent="0.2">
      <c r="A28" s="32" t="s">
        <v>425</v>
      </c>
      <c r="B28" s="711">
        <v>7190515.5599999996</v>
      </c>
      <c r="C28" s="712">
        <v>7411831.5300000003</v>
      </c>
      <c r="D28" s="711">
        <v>6974917.2999999998</v>
      </c>
      <c r="E28" s="382">
        <v>7469550.7800000003</v>
      </c>
      <c r="F28" s="714">
        <v>8577270.1899999995</v>
      </c>
      <c r="G28" s="714">
        <v>8463270.4700000007</v>
      </c>
      <c r="H28" s="626">
        <v>11263748.6</v>
      </c>
    </row>
    <row r="29" spans="1:9" ht="10.5" x14ac:dyDescent="0.2">
      <c r="A29" s="32" t="s">
        <v>426</v>
      </c>
      <c r="B29" s="711">
        <v>60926158.619999997</v>
      </c>
      <c r="C29" s="712">
        <v>66155996.979999997</v>
      </c>
      <c r="D29" s="711">
        <v>59326326.530000001</v>
      </c>
      <c r="E29" s="382">
        <v>69965907.510000005</v>
      </c>
      <c r="F29" s="714">
        <v>80294032.040000007</v>
      </c>
      <c r="G29" s="714">
        <v>76603694.640000001</v>
      </c>
      <c r="H29" s="626">
        <v>80061435.019999996</v>
      </c>
    </row>
    <row r="30" spans="1:9" ht="10.5" x14ac:dyDescent="0.2">
      <c r="A30" s="32" t="s">
        <v>427</v>
      </c>
      <c r="B30" s="711">
        <v>46097071.049999997</v>
      </c>
      <c r="C30" s="712">
        <v>45322075.710000001</v>
      </c>
      <c r="D30" s="711">
        <v>52810890.920000017</v>
      </c>
      <c r="E30" s="382">
        <v>62242403.219999991</v>
      </c>
      <c r="F30" s="714">
        <v>46607589.009999998</v>
      </c>
      <c r="G30" s="714">
        <v>47608096.07</v>
      </c>
      <c r="H30" s="626">
        <v>47571604.280000001</v>
      </c>
    </row>
    <row r="31" spans="1:9" ht="10.5" x14ac:dyDescent="0.2">
      <c r="A31" s="32" t="s">
        <v>183</v>
      </c>
      <c r="B31" s="711">
        <v>13946395.51</v>
      </c>
      <c r="C31" s="712">
        <v>11641299.42</v>
      </c>
      <c r="D31" s="711">
        <v>57371846.030000001</v>
      </c>
      <c r="E31" s="382">
        <v>9551133.8599999994</v>
      </c>
      <c r="F31" s="714">
        <v>10426823.82</v>
      </c>
      <c r="G31" s="714">
        <v>50579172.68</v>
      </c>
      <c r="H31" s="626">
        <v>9714227.5999999996</v>
      </c>
    </row>
    <row r="32" spans="1:9" s="75" customFormat="1" ht="10.5" x14ac:dyDescent="0.2">
      <c r="A32" s="144" t="s">
        <v>184</v>
      </c>
      <c r="B32" s="623">
        <v>270439807.93000001</v>
      </c>
      <c r="C32" s="623">
        <v>276364693.38999999</v>
      </c>
      <c r="D32" s="624">
        <v>282076821.69</v>
      </c>
      <c r="E32" s="624">
        <v>294790190.5</v>
      </c>
      <c r="F32" s="624">
        <v>298016432.49000001</v>
      </c>
      <c r="G32" s="624">
        <v>351698577.89999998</v>
      </c>
      <c r="H32" s="624">
        <v>385492604.48000002</v>
      </c>
      <c r="I32" s="174"/>
    </row>
    <row r="33" spans="1:16" ht="10.5" x14ac:dyDescent="0.2">
      <c r="A33" s="32" t="s">
        <v>185</v>
      </c>
      <c r="B33" s="711">
        <v>145947368.84999999</v>
      </c>
      <c r="C33" s="712">
        <v>153535632.78</v>
      </c>
      <c r="D33" s="711">
        <v>157305519.25</v>
      </c>
      <c r="E33" s="382">
        <v>152051490.19</v>
      </c>
      <c r="F33" s="714">
        <v>158736071.74000001</v>
      </c>
      <c r="G33" s="714">
        <v>173920119.34999999</v>
      </c>
      <c r="H33" s="626">
        <v>243030683.58000001</v>
      </c>
    </row>
    <row r="34" spans="1:16" ht="10.5" x14ac:dyDescent="0.2">
      <c r="A34" s="32" t="s">
        <v>366</v>
      </c>
      <c r="B34" s="711">
        <v>26958779.02</v>
      </c>
      <c r="C34" s="712">
        <v>17734209.370000001</v>
      </c>
      <c r="D34" s="711">
        <v>19117731.43</v>
      </c>
      <c r="E34" s="382">
        <v>41045653.57</v>
      </c>
      <c r="F34" s="714">
        <v>28230336.48</v>
      </c>
      <c r="G34" s="714">
        <v>55032725.600000001</v>
      </c>
      <c r="H34" s="626">
        <v>12593547.49</v>
      </c>
    </row>
    <row r="35" spans="1:16" ht="10.5" x14ac:dyDescent="0.2">
      <c r="A35" s="32" t="s">
        <v>428</v>
      </c>
      <c r="B35" s="711">
        <v>0</v>
      </c>
      <c r="C35" s="712">
        <v>0</v>
      </c>
      <c r="D35" s="711">
        <v>0</v>
      </c>
      <c r="E35" s="382">
        <v>0</v>
      </c>
      <c r="F35" s="714">
        <v>0</v>
      </c>
      <c r="G35" s="714">
        <v>0</v>
      </c>
      <c r="H35" s="626">
        <v>0</v>
      </c>
    </row>
    <row r="36" spans="1:16" ht="10.5" x14ac:dyDescent="0.2">
      <c r="A36" s="32" t="s">
        <v>223</v>
      </c>
      <c r="B36" s="711">
        <v>330488.52</v>
      </c>
      <c r="C36" s="712">
        <v>408816.54</v>
      </c>
      <c r="D36" s="711">
        <v>368550.14</v>
      </c>
      <c r="E36" s="382">
        <v>0</v>
      </c>
      <c r="F36" s="714">
        <v>764824.62</v>
      </c>
      <c r="G36" s="714">
        <v>742587.35</v>
      </c>
      <c r="H36" s="626">
        <v>0</v>
      </c>
    </row>
    <row r="37" spans="1:16" s="75" customFormat="1" ht="10.5" x14ac:dyDescent="0.2">
      <c r="A37" s="32" t="s">
        <v>226</v>
      </c>
      <c r="B37" s="711">
        <v>97203171.540000007</v>
      </c>
      <c r="C37" s="712">
        <v>104686034.7</v>
      </c>
      <c r="D37" s="711">
        <v>105285020.87</v>
      </c>
      <c r="E37" s="382">
        <v>101693046.73999999</v>
      </c>
      <c r="F37" s="714">
        <v>110285199.65000001</v>
      </c>
      <c r="G37" s="714">
        <v>122003145.59999999</v>
      </c>
      <c r="H37" s="626">
        <v>129868373.41</v>
      </c>
      <c r="I37" s="174"/>
    </row>
    <row r="38" spans="1:16" s="75" customFormat="1" ht="15" customHeight="1" x14ac:dyDescent="0.2">
      <c r="A38" s="30" t="s">
        <v>234</v>
      </c>
      <c r="B38" s="505">
        <v>620449556.97999978</v>
      </c>
      <c r="C38" s="504">
        <v>639078506.07999992</v>
      </c>
      <c r="D38" s="640">
        <v>712156114.2900002</v>
      </c>
      <c r="E38" s="640">
        <v>661780269.1500001</v>
      </c>
      <c r="F38" s="640">
        <v>678759592.59000003</v>
      </c>
      <c r="G38" s="640">
        <v>849380909.32000005</v>
      </c>
      <c r="H38" s="640">
        <v>716295989.26999974</v>
      </c>
      <c r="I38" s="174"/>
    </row>
    <row r="39" spans="1:16" ht="6" customHeight="1" x14ac:dyDescent="0.2">
      <c r="A39" s="707"/>
      <c r="B39" s="707"/>
      <c r="C39" s="707"/>
      <c r="D39" s="707"/>
      <c r="E39" s="707"/>
      <c r="F39" s="707"/>
      <c r="G39" s="707"/>
      <c r="H39" s="707"/>
    </row>
    <row r="40" spans="1:16" s="29" customFormat="1" ht="6" customHeight="1" x14ac:dyDescent="0.2">
      <c r="B40" s="342"/>
      <c r="C40" s="342"/>
      <c r="D40" s="342"/>
      <c r="E40" s="342"/>
      <c r="F40" s="342"/>
      <c r="G40" s="342"/>
      <c r="H40" s="346"/>
      <c r="I40" s="128"/>
    </row>
    <row r="41" spans="1:16" ht="11.25" customHeight="1" x14ac:dyDescent="0.2">
      <c r="A41" s="822" t="s">
        <v>173</v>
      </c>
      <c r="B41" s="827" t="s">
        <v>172</v>
      </c>
      <c r="C41" s="828"/>
      <c r="D41" s="828"/>
      <c r="E41" s="828"/>
      <c r="F41" s="829"/>
      <c r="G41" s="705" t="s">
        <v>170</v>
      </c>
      <c r="H41" s="705" t="s">
        <v>108</v>
      </c>
    </row>
    <row r="42" spans="1:16" ht="11.25" customHeight="1" x14ac:dyDescent="0.2">
      <c r="A42" s="825"/>
      <c r="B42" s="830"/>
      <c r="C42" s="831"/>
      <c r="D42" s="831"/>
      <c r="E42" s="831"/>
      <c r="F42" s="832"/>
      <c r="G42" s="358" t="s">
        <v>174</v>
      </c>
      <c r="H42" s="358" t="s">
        <v>112</v>
      </c>
    </row>
    <row r="43" spans="1:16" ht="15" customHeight="1" x14ac:dyDescent="0.2">
      <c r="A43" s="826"/>
      <c r="B43" s="359" t="s">
        <v>743</v>
      </c>
      <c r="C43" s="563" t="s">
        <v>861</v>
      </c>
      <c r="D43" s="563" t="s">
        <v>862</v>
      </c>
      <c r="E43" s="563" t="s">
        <v>870</v>
      </c>
      <c r="F43" s="563" t="s">
        <v>871</v>
      </c>
      <c r="G43" s="706" t="s">
        <v>175</v>
      </c>
      <c r="H43" s="369">
        <v>2015</v>
      </c>
    </row>
    <row r="44" spans="1:16" s="75" customFormat="1" ht="10.5" x14ac:dyDescent="0.2">
      <c r="A44" s="144" t="s">
        <v>176</v>
      </c>
      <c r="B44" s="710">
        <v>904433255.06999981</v>
      </c>
      <c r="C44" s="710">
        <v>916049742.93000019</v>
      </c>
      <c r="D44" s="710">
        <v>982170421.42999995</v>
      </c>
      <c r="E44" s="624">
        <v>1006060241.4199998</v>
      </c>
      <c r="F44" s="624">
        <v>970564725.50999999</v>
      </c>
      <c r="G44" s="710">
        <v>11816058452.419998</v>
      </c>
      <c r="H44" s="715">
        <v>12469124900</v>
      </c>
      <c r="I44" s="174"/>
      <c r="O44" s="226"/>
      <c r="P44" s="226"/>
    </row>
    <row r="45" spans="1:16" ht="10.5" x14ac:dyDescent="0.2">
      <c r="A45" s="32" t="s">
        <v>177</v>
      </c>
      <c r="B45" s="626">
        <v>614898556.80999994</v>
      </c>
      <c r="C45" s="626">
        <v>649153840.6700002</v>
      </c>
      <c r="D45" s="626">
        <v>701632621.8599999</v>
      </c>
      <c r="E45" s="626">
        <v>670608538.11999989</v>
      </c>
      <c r="F45" s="626">
        <v>666858165.99000001</v>
      </c>
      <c r="G45" s="626">
        <v>8145008668.6199989</v>
      </c>
      <c r="H45" s="711">
        <v>8120560200</v>
      </c>
      <c r="O45" s="672"/>
      <c r="P45" s="226"/>
    </row>
    <row r="46" spans="1:16" ht="10.5" x14ac:dyDescent="0.2">
      <c r="A46" s="32" t="s">
        <v>419</v>
      </c>
      <c r="B46" s="626">
        <v>523211412.75999999</v>
      </c>
      <c r="C46" s="626">
        <v>547978168.58000004</v>
      </c>
      <c r="D46" s="626">
        <v>605326293.30999994</v>
      </c>
      <c r="E46" s="626">
        <v>580281807.77999997</v>
      </c>
      <c r="F46" s="626">
        <v>571703195.51999998</v>
      </c>
      <c r="G46" s="626">
        <v>6897395978.2599983</v>
      </c>
      <c r="H46" s="716">
        <v>6742500000</v>
      </c>
      <c r="O46" s="672"/>
      <c r="P46" s="226"/>
    </row>
    <row r="47" spans="1:16" ht="10.5" x14ac:dyDescent="0.2">
      <c r="A47" s="32" t="s">
        <v>420</v>
      </c>
      <c r="B47" s="626">
        <v>26373911.09</v>
      </c>
      <c r="C47" s="626">
        <v>26469276.98</v>
      </c>
      <c r="D47" s="626">
        <v>23760696.239999998</v>
      </c>
      <c r="E47" s="626">
        <v>21606640.75</v>
      </c>
      <c r="F47" s="626">
        <v>10294532.4</v>
      </c>
      <c r="G47" s="626">
        <v>339684962.69999999</v>
      </c>
      <c r="H47" s="716">
        <v>329900000</v>
      </c>
      <c r="O47" s="672"/>
      <c r="P47" s="226"/>
    </row>
    <row r="48" spans="1:16" ht="10.5" x14ac:dyDescent="0.2">
      <c r="A48" s="32" t="s">
        <v>421</v>
      </c>
      <c r="B48" s="626">
        <v>4324192.87</v>
      </c>
      <c r="C48" s="626">
        <v>8103631.8300000001</v>
      </c>
      <c r="D48" s="626">
        <v>5513013.1600000001</v>
      </c>
      <c r="E48" s="626">
        <v>8315101.7999999998</v>
      </c>
      <c r="F48" s="626">
        <v>10630796.34</v>
      </c>
      <c r="G48" s="626">
        <v>97332002.159999996</v>
      </c>
      <c r="H48" s="716">
        <v>105800000</v>
      </c>
      <c r="O48" s="672"/>
      <c r="P48" s="226"/>
    </row>
    <row r="49" spans="1:16" ht="10.5" x14ac:dyDescent="0.2">
      <c r="A49" s="32" t="s">
        <v>418</v>
      </c>
      <c r="B49" s="626">
        <v>42865748.549999997</v>
      </c>
      <c r="C49" s="626">
        <v>45927108.090000004</v>
      </c>
      <c r="D49" s="626">
        <v>49596859.020000003</v>
      </c>
      <c r="E49" s="626">
        <v>41695157.859999999</v>
      </c>
      <c r="F49" s="626">
        <v>45110977.710000001</v>
      </c>
      <c r="G49" s="626">
        <v>554018680.7700001</v>
      </c>
      <c r="H49" s="716">
        <v>510400000</v>
      </c>
      <c r="O49" s="672"/>
      <c r="P49" s="226"/>
    </row>
    <row r="50" spans="1:16" ht="10.5" x14ac:dyDescent="0.2">
      <c r="A50" s="32" t="s">
        <v>422</v>
      </c>
      <c r="B50" s="626">
        <v>18123291.539999999</v>
      </c>
      <c r="C50" s="626">
        <v>20675655.190000001</v>
      </c>
      <c r="D50" s="626">
        <v>17435760.129999999</v>
      </c>
      <c r="E50" s="626">
        <v>18709829.93</v>
      </c>
      <c r="F50" s="626">
        <v>29118664.02</v>
      </c>
      <c r="G50" s="626">
        <v>256577044.73000002</v>
      </c>
      <c r="H50" s="716">
        <v>431960200</v>
      </c>
      <c r="O50" s="672"/>
      <c r="P50" s="226"/>
    </row>
    <row r="51" spans="1:16" ht="10.5" x14ac:dyDescent="0.2">
      <c r="A51" s="32" t="s">
        <v>178</v>
      </c>
      <c r="B51" s="626">
        <v>16900171.550000001</v>
      </c>
      <c r="C51" s="626">
        <v>18821320.469999999</v>
      </c>
      <c r="D51" s="626">
        <v>11716530.630000001</v>
      </c>
      <c r="E51" s="626">
        <v>42135340.5</v>
      </c>
      <c r="F51" s="626">
        <v>23440094.18</v>
      </c>
      <c r="G51" s="626">
        <v>314464238.06999999</v>
      </c>
      <c r="H51" s="716">
        <v>388750900</v>
      </c>
      <c r="O51" s="672"/>
      <c r="P51" s="226"/>
    </row>
    <row r="52" spans="1:16" ht="10.5" x14ac:dyDescent="0.2">
      <c r="A52" s="32" t="s">
        <v>179</v>
      </c>
      <c r="B52" s="626">
        <v>6675794.4199999999</v>
      </c>
      <c r="C52" s="626">
        <v>7930773.6200000001</v>
      </c>
      <c r="D52" s="626">
        <v>8572440.2400000002</v>
      </c>
      <c r="E52" s="626">
        <v>8861258</v>
      </c>
      <c r="F52" s="626">
        <v>8576976.3300000001</v>
      </c>
      <c r="G52" s="626">
        <v>119971010.76000001</v>
      </c>
      <c r="H52" s="716">
        <v>135829800</v>
      </c>
      <c r="O52" s="672"/>
      <c r="P52" s="226"/>
    </row>
    <row r="53" spans="1:16" ht="10.5" x14ac:dyDescent="0.2">
      <c r="A53" s="32" t="s">
        <v>180</v>
      </c>
      <c r="B53" s="626"/>
      <c r="C53" s="626">
        <v>0</v>
      </c>
      <c r="D53" s="626">
        <v>0</v>
      </c>
      <c r="E53" s="626">
        <v>0</v>
      </c>
      <c r="F53" s="626">
        <v>0</v>
      </c>
      <c r="G53" s="626">
        <v>0</v>
      </c>
      <c r="H53" s="711">
        <v>0</v>
      </c>
      <c r="O53" s="672"/>
      <c r="P53" s="226"/>
    </row>
    <row r="54" spans="1:16" ht="10.5" x14ac:dyDescent="0.2">
      <c r="A54" s="32" t="s">
        <v>181</v>
      </c>
      <c r="B54" s="626"/>
      <c r="C54" s="626">
        <v>0</v>
      </c>
      <c r="D54" s="626">
        <v>0</v>
      </c>
      <c r="E54" s="626">
        <v>0</v>
      </c>
      <c r="F54" s="626">
        <v>0</v>
      </c>
      <c r="G54" s="626">
        <v>0</v>
      </c>
      <c r="H54" s="711">
        <v>0</v>
      </c>
      <c r="O54" s="672"/>
      <c r="P54" s="226"/>
    </row>
    <row r="55" spans="1:16" ht="10.5" x14ac:dyDescent="0.2">
      <c r="A55" s="32" t="s">
        <v>186</v>
      </c>
      <c r="B55" s="626">
        <v>28882653.66</v>
      </c>
      <c r="C55" s="626">
        <v>38086618.530000001</v>
      </c>
      <c r="D55" s="626">
        <v>44409574.219999999</v>
      </c>
      <c r="E55" s="626">
        <v>44817980.920000002</v>
      </c>
      <c r="F55" s="626">
        <v>44227441.590000004</v>
      </c>
      <c r="G55" s="626">
        <v>491175849.25</v>
      </c>
      <c r="H55" s="716">
        <v>447593100</v>
      </c>
      <c r="O55" s="672"/>
      <c r="P55" s="226"/>
    </row>
    <row r="56" spans="1:16" ht="10.5" x14ac:dyDescent="0.2">
      <c r="A56" s="32" t="s">
        <v>182</v>
      </c>
      <c r="B56" s="626">
        <v>230447506.27999997</v>
      </c>
      <c r="C56" s="626">
        <v>193144194.88999999</v>
      </c>
      <c r="D56" s="626">
        <v>207519516.25</v>
      </c>
      <c r="E56" s="626">
        <v>224897826.56999999</v>
      </c>
      <c r="F56" s="626">
        <v>215885692.76999998</v>
      </c>
      <c r="G56" s="626">
        <v>2532030829.5100002</v>
      </c>
      <c r="H56" s="711">
        <v>3212642800</v>
      </c>
      <c r="O56" s="672"/>
      <c r="P56" s="226"/>
    </row>
    <row r="57" spans="1:16" ht="10.5" x14ac:dyDescent="0.2">
      <c r="A57" s="32" t="s">
        <v>423</v>
      </c>
      <c r="B57" s="626">
        <v>105657624.64</v>
      </c>
      <c r="C57" s="626">
        <v>76956060.219999999</v>
      </c>
      <c r="D57" s="626">
        <v>83055981.260000005</v>
      </c>
      <c r="E57" s="626">
        <v>102135688.70999999</v>
      </c>
      <c r="F57" s="626">
        <v>88868403.599999994</v>
      </c>
      <c r="G57" s="626">
        <v>1007332357.3200002</v>
      </c>
      <c r="H57" s="716">
        <v>1070500000</v>
      </c>
      <c r="O57" s="672"/>
      <c r="P57" s="226"/>
    </row>
    <row r="58" spans="1:16" ht="10.5" x14ac:dyDescent="0.2">
      <c r="A58" s="32" t="s">
        <v>424</v>
      </c>
      <c r="B58" s="626">
        <v>0</v>
      </c>
      <c r="C58" s="626">
        <v>0</v>
      </c>
      <c r="D58" s="626">
        <v>6018918.75</v>
      </c>
      <c r="E58" s="626">
        <v>1504729.69</v>
      </c>
      <c r="F58" s="626">
        <v>1504729.69</v>
      </c>
      <c r="G58" s="626">
        <v>19561485.960000001</v>
      </c>
      <c r="H58" s="716">
        <v>18100000</v>
      </c>
      <c r="O58" s="672"/>
      <c r="P58" s="226"/>
    </row>
    <row r="59" spans="1:16" ht="10.5" x14ac:dyDescent="0.2">
      <c r="A59" s="32" t="s">
        <v>425</v>
      </c>
      <c r="B59" s="626">
        <v>6701026.1299999999</v>
      </c>
      <c r="C59" s="626">
        <v>6573010.79</v>
      </c>
      <c r="D59" s="626">
        <v>6884435.8300000001</v>
      </c>
      <c r="E59" s="626">
        <v>4038440.55</v>
      </c>
      <c r="F59" s="626">
        <v>7397516.4800000004</v>
      </c>
      <c r="G59" s="626">
        <v>88945534.210000008</v>
      </c>
      <c r="H59" s="716">
        <v>70200000</v>
      </c>
      <c r="O59" s="672"/>
      <c r="P59" s="226"/>
    </row>
    <row r="60" spans="1:16" ht="10.5" x14ac:dyDescent="0.2">
      <c r="A60" s="32" t="s">
        <v>426</v>
      </c>
      <c r="B60" s="626">
        <v>76782173.819999993</v>
      </c>
      <c r="C60" s="626">
        <v>67529021.870000005</v>
      </c>
      <c r="D60" s="626">
        <v>70914227.629999995</v>
      </c>
      <c r="E60" s="626">
        <v>72507414.430000007</v>
      </c>
      <c r="F60" s="626">
        <v>70146489.019999996</v>
      </c>
      <c r="G60" s="626">
        <v>851212878.1099999</v>
      </c>
      <c r="H60" s="716">
        <v>927764000</v>
      </c>
      <c r="O60" s="672"/>
      <c r="P60" s="226"/>
    </row>
    <row r="61" spans="1:16" ht="10.5" x14ac:dyDescent="0.2">
      <c r="A61" s="32" t="s">
        <v>427</v>
      </c>
      <c r="B61" s="626">
        <v>41306681.689999998</v>
      </c>
      <c r="C61" s="626">
        <v>42086102.009999998</v>
      </c>
      <c r="D61" s="626">
        <v>40645952.780000001</v>
      </c>
      <c r="E61" s="626">
        <v>44711553.189999998</v>
      </c>
      <c r="F61" s="626">
        <v>47968553.979999997</v>
      </c>
      <c r="G61" s="626">
        <v>564978573.90999997</v>
      </c>
      <c r="H61" s="716">
        <v>1126078800</v>
      </c>
      <c r="O61" s="672"/>
      <c r="P61" s="226"/>
    </row>
    <row r="62" spans="1:16" ht="10.5" x14ac:dyDescent="0.2">
      <c r="A62" s="32" t="s">
        <v>183</v>
      </c>
      <c r="B62" s="626">
        <v>6628572.3499999996</v>
      </c>
      <c r="C62" s="626">
        <v>8912994.75</v>
      </c>
      <c r="D62" s="626">
        <v>8319738.2300000004</v>
      </c>
      <c r="E62" s="626">
        <v>14739297.310000001</v>
      </c>
      <c r="F62" s="626">
        <v>11576354.65</v>
      </c>
      <c r="G62" s="626">
        <v>213407856.21000001</v>
      </c>
      <c r="H62" s="716">
        <v>163748100</v>
      </c>
      <c r="O62" s="672"/>
      <c r="P62" s="226"/>
    </row>
    <row r="63" spans="1:16" s="75" customFormat="1" ht="10.5" x14ac:dyDescent="0.2">
      <c r="A63" s="146" t="s">
        <v>184</v>
      </c>
      <c r="B63" s="624">
        <v>273343390.47000003</v>
      </c>
      <c r="C63" s="624">
        <v>277802307.66999996</v>
      </c>
      <c r="D63" s="624">
        <v>306977032.69</v>
      </c>
      <c r="E63" s="624">
        <v>319337249.94</v>
      </c>
      <c r="F63" s="624">
        <v>292334031.92999995</v>
      </c>
      <c r="G63" s="624">
        <v>3628673141.0799999</v>
      </c>
      <c r="H63" s="717">
        <v>3679400000</v>
      </c>
      <c r="I63" s="174"/>
      <c r="O63" s="226"/>
      <c r="P63" s="226"/>
    </row>
    <row r="64" spans="1:16" ht="10.5" x14ac:dyDescent="0.2">
      <c r="A64" s="32" t="s">
        <v>185</v>
      </c>
      <c r="B64" s="626">
        <v>151666129.28</v>
      </c>
      <c r="C64" s="626">
        <v>155451890.84999999</v>
      </c>
      <c r="D64" s="626">
        <v>182208239.41999999</v>
      </c>
      <c r="E64" s="626">
        <v>164255917.31</v>
      </c>
      <c r="F64" s="626">
        <v>157946061.63999999</v>
      </c>
      <c r="G64" s="626">
        <v>1996055124.2399998</v>
      </c>
      <c r="H64" s="716">
        <v>1981032100</v>
      </c>
      <c r="O64" s="672"/>
      <c r="P64" s="226"/>
    </row>
    <row r="65" spans="1:16" ht="10.5" x14ac:dyDescent="0.2">
      <c r="A65" s="32" t="s">
        <v>366</v>
      </c>
      <c r="B65" s="626">
        <v>16616770.939999999</v>
      </c>
      <c r="C65" s="626">
        <v>18749534.5</v>
      </c>
      <c r="D65" s="626">
        <v>10628592.619999999</v>
      </c>
      <c r="E65" s="626">
        <v>41694061.960000001</v>
      </c>
      <c r="F65" s="626">
        <v>25579114.379999999</v>
      </c>
      <c r="G65" s="626">
        <v>313981057.36000001</v>
      </c>
      <c r="H65" s="716">
        <v>361921900</v>
      </c>
      <c r="O65" s="672"/>
      <c r="P65" s="226"/>
    </row>
    <row r="66" spans="1:16" ht="10.5" x14ac:dyDescent="0.2">
      <c r="A66" s="32" t="s">
        <v>428</v>
      </c>
      <c r="B66" s="626">
        <v>0</v>
      </c>
      <c r="C66" s="626">
        <v>0</v>
      </c>
      <c r="D66" s="626">
        <v>0</v>
      </c>
      <c r="E66" s="626">
        <v>0</v>
      </c>
      <c r="F66" s="626">
        <v>0</v>
      </c>
      <c r="G66" s="626">
        <v>0</v>
      </c>
      <c r="H66" s="716">
        <v>26829000</v>
      </c>
      <c r="O66" s="672"/>
      <c r="P66" s="226"/>
    </row>
    <row r="67" spans="1:16" ht="10.5" x14ac:dyDescent="0.2">
      <c r="A67" s="32" t="s">
        <v>223</v>
      </c>
      <c r="B67" s="626">
        <v>459968.06</v>
      </c>
      <c r="C67" s="626">
        <v>0</v>
      </c>
      <c r="D67" s="626">
        <v>427929.84</v>
      </c>
      <c r="E67" s="626">
        <v>0</v>
      </c>
      <c r="F67" s="626">
        <v>30967.25</v>
      </c>
      <c r="G67" s="626">
        <v>3534132.3200000003</v>
      </c>
      <c r="H67" s="716">
        <v>7820000</v>
      </c>
      <c r="O67" s="672"/>
      <c r="P67" s="226"/>
    </row>
    <row r="68" spans="1:16" s="75" customFormat="1" ht="10.5" x14ac:dyDescent="0.2">
      <c r="A68" s="32" t="s">
        <v>226</v>
      </c>
      <c r="B68" s="626">
        <v>104600522.19</v>
      </c>
      <c r="C68" s="626">
        <v>103600882.31999999</v>
      </c>
      <c r="D68" s="626">
        <v>113712270.81</v>
      </c>
      <c r="E68" s="626">
        <v>113387270.67</v>
      </c>
      <c r="F68" s="626">
        <v>108777888.66</v>
      </c>
      <c r="G68" s="626">
        <v>1315102827.1600001</v>
      </c>
      <c r="H68" s="716">
        <v>1301797000</v>
      </c>
      <c r="I68" s="240"/>
      <c r="J68" s="301"/>
      <c r="K68" s="301"/>
      <c r="L68" s="301"/>
      <c r="O68" s="226"/>
      <c r="P68" s="226"/>
    </row>
    <row r="69" spans="1:16" s="75" customFormat="1" ht="15" customHeight="1" x14ac:dyDescent="0.2">
      <c r="A69" s="30" t="s">
        <v>234</v>
      </c>
      <c r="B69" s="505">
        <v>631089864.59999979</v>
      </c>
      <c r="C69" s="640">
        <v>638247435.26000023</v>
      </c>
      <c r="D69" s="505">
        <v>675193388.74000001</v>
      </c>
      <c r="E69" s="640">
        <v>686722991.47999978</v>
      </c>
      <c r="F69" s="505">
        <v>678230693.58000004</v>
      </c>
      <c r="G69" s="505">
        <v>8187385311.3399982</v>
      </c>
      <c r="H69" s="640">
        <v>8789724900</v>
      </c>
      <c r="I69" s="174"/>
      <c r="O69" s="226"/>
      <c r="P69" s="226"/>
    </row>
    <row r="70" spans="1:16" ht="10.5" x14ac:dyDescent="0.2">
      <c r="A70" s="83" t="s">
        <v>880</v>
      </c>
      <c r="B70" s="360"/>
      <c r="C70" s="360"/>
      <c r="D70" s="360"/>
      <c r="E70" s="360"/>
      <c r="F70" s="360"/>
      <c r="G70" s="360"/>
      <c r="H70" s="361"/>
    </row>
    <row r="71" spans="1:16" ht="11.25" customHeight="1" x14ac:dyDescent="0.2">
      <c r="H71" s="346"/>
    </row>
    <row r="72" spans="1:16" ht="11.25" customHeight="1" x14ac:dyDescent="0.2">
      <c r="H72" s="346"/>
    </row>
    <row r="73" spans="1:16" ht="11.25" customHeight="1" x14ac:dyDescent="0.2">
      <c r="H73" s="346"/>
    </row>
    <row r="74" spans="1:16" ht="11.25" customHeight="1" x14ac:dyDescent="0.2">
      <c r="H74" s="346"/>
    </row>
    <row r="75" spans="1:16" ht="11.25" customHeight="1" x14ac:dyDescent="0.2">
      <c r="H75" s="346"/>
    </row>
    <row r="76" spans="1:16" ht="11.25" customHeight="1" x14ac:dyDescent="0.2">
      <c r="H76" s="346"/>
    </row>
    <row r="77" spans="1:16" ht="11.25" customHeight="1" x14ac:dyDescent="0.2">
      <c r="H77" s="346"/>
    </row>
    <row r="78" spans="1:16" ht="11.25" customHeight="1" x14ac:dyDescent="0.2">
      <c r="H78" s="346"/>
    </row>
    <row r="79" spans="1:16" s="52" customFormat="1" ht="11.25" customHeight="1" x14ac:dyDescent="0.2">
      <c r="A79" s="301"/>
      <c r="B79" s="342"/>
      <c r="C79" s="342"/>
      <c r="D79" s="342"/>
      <c r="E79" s="342"/>
      <c r="F79" s="342"/>
      <c r="G79" s="346"/>
      <c r="H79" s="346"/>
      <c r="I79" s="240"/>
      <c r="J79" s="301"/>
      <c r="K79" s="301"/>
      <c r="L79" s="301"/>
      <c r="M79" s="301"/>
      <c r="N79" s="301"/>
      <c r="O79" s="301"/>
    </row>
    <row r="80" spans="1:16" s="52" customFormat="1" ht="11.25" customHeight="1" x14ac:dyDescent="0.2">
      <c r="A80" s="301"/>
      <c r="B80" s="342"/>
      <c r="C80" s="342"/>
      <c r="D80" s="342"/>
      <c r="E80" s="342"/>
      <c r="F80" s="342"/>
      <c r="G80" s="346"/>
      <c r="H80" s="346"/>
      <c r="I80" s="240"/>
      <c r="J80" s="301"/>
      <c r="K80" s="301"/>
      <c r="L80" s="301"/>
      <c r="M80" s="301"/>
      <c r="N80" s="301"/>
      <c r="O80" s="301"/>
    </row>
    <row r="81" spans="1:15" s="52" customFormat="1" ht="11.25" customHeight="1" x14ac:dyDescent="0.2">
      <c r="A81" s="301"/>
      <c r="B81" s="342"/>
      <c r="C81" s="342"/>
      <c r="D81" s="342"/>
      <c r="E81" s="342"/>
      <c r="F81" s="342"/>
      <c r="G81" s="346"/>
      <c r="H81" s="346"/>
      <c r="I81" s="240"/>
      <c r="J81" s="301"/>
      <c r="K81" s="301"/>
      <c r="L81" s="301"/>
      <c r="M81" s="301"/>
      <c r="N81" s="301"/>
      <c r="O81" s="301"/>
    </row>
    <row r="82" spans="1:15" s="52" customFormat="1" ht="11.25" customHeight="1" x14ac:dyDescent="0.2">
      <c r="A82" s="301"/>
      <c r="B82" s="342"/>
      <c r="C82" s="342"/>
      <c r="D82" s="342"/>
      <c r="E82" s="342"/>
      <c r="F82" s="342"/>
      <c r="G82" s="346"/>
      <c r="H82" s="346"/>
      <c r="I82" s="240"/>
      <c r="J82" s="301"/>
      <c r="K82" s="301"/>
      <c r="L82" s="301"/>
      <c r="M82" s="301"/>
      <c r="N82" s="301"/>
      <c r="O82" s="301"/>
    </row>
    <row r="83" spans="1:15" s="52" customFormat="1" ht="11.25" customHeight="1" x14ac:dyDescent="0.2">
      <c r="A83" s="301"/>
      <c r="B83" s="342"/>
      <c r="C83" s="342"/>
      <c r="D83" s="342"/>
      <c r="E83" s="342"/>
      <c r="F83" s="342"/>
      <c r="G83" s="346"/>
      <c r="H83" s="346"/>
      <c r="I83" s="240"/>
      <c r="J83" s="301"/>
      <c r="K83" s="301"/>
      <c r="L83" s="301"/>
      <c r="M83" s="301"/>
      <c r="N83" s="301"/>
      <c r="O83" s="301"/>
    </row>
    <row r="84" spans="1:15" s="52" customFormat="1" ht="11.25" customHeight="1" x14ac:dyDescent="0.2">
      <c r="A84" s="301"/>
      <c r="B84" s="342"/>
      <c r="C84" s="342"/>
      <c r="D84" s="342"/>
      <c r="E84" s="342"/>
      <c r="F84" s="342"/>
      <c r="G84" s="346"/>
      <c r="H84" s="346"/>
      <c r="I84" s="240"/>
      <c r="J84" s="301"/>
      <c r="K84" s="301"/>
      <c r="L84" s="301"/>
      <c r="M84" s="301"/>
      <c r="N84" s="301"/>
      <c r="O84" s="301"/>
    </row>
    <row r="85" spans="1:15" s="52" customFormat="1" ht="11.25" customHeight="1" x14ac:dyDescent="0.2">
      <c r="A85" s="301"/>
      <c r="B85" s="342"/>
      <c r="C85" s="342"/>
      <c r="D85" s="342"/>
      <c r="E85" s="342"/>
      <c r="F85" s="342"/>
      <c r="G85" s="346"/>
      <c r="H85" s="346"/>
      <c r="I85" s="240"/>
      <c r="J85" s="301"/>
      <c r="K85" s="301"/>
      <c r="L85" s="301"/>
      <c r="M85" s="301"/>
      <c r="N85" s="301"/>
      <c r="O85" s="301"/>
    </row>
    <row r="86" spans="1:15" ht="11.25" customHeight="1" x14ac:dyDescent="0.2">
      <c r="H86" s="346"/>
    </row>
    <row r="87" spans="1:15" ht="11.25" customHeight="1" x14ac:dyDescent="0.2">
      <c r="H87" s="346"/>
    </row>
    <row r="88" spans="1:15" ht="11.25" customHeight="1" x14ac:dyDescent="0.2">
      <c r="H88" s="346"/>
    </row>
  </sheetData>
  <customSheetViews>
    <customSheetView guid="{82EDB5A4-4824-4632-A540-7A52C92F04C7}" showPageBreaks="1" showGridLines="0" fitToPage="1" printArea="1">
      <selection activeCell="D57" sqref="D57"/>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3AAF6A5F-F9AA-430B-9AD9-1261ECDF41B5}" showPageBreaks="1" showGridLines="0" fitToPage="1" printArea="1" topLeftCell="A64">
      <selection activeCell="D57" sqref="D57"/>
      <pageMargins left="0.39370078740157483" right="0.39370078740157483" top="0.98425196850393704" bottom="0.98425196850393704" header="0" footer="0.19685039370078741"/>
      <printOptions horizontalCentered="1"/>
      <pageSetup paperSize="9" scale="79" orientation="landscape" r:id="rId2"/>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3"/>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4"/>
      <headerFooter alignWithMargins="0"/>
    </customSheetView>
    <customSheetView guid="{6DBFA32C-4AA4-4E1D-9A48-697377C64CC3}" showPageBreaks="1" showGridLines="0" fitToPage="1" printArea="1">
      <selection activeCell="B5" sqref="B5"/>
      <pageMargins left="0.19685039370078741" right="0.19685039370078741" top="0.59055118110236227" bottom="0.19685039370078741" header="0" footer="0"/>
      <printOptions horizontalCentered="1"/>
      <pageSetup paperSize="9" scale="57" orientation="portrait" r:id="rId5"/>
      <headerFooter alignWithMargins="0"/>
    </customSheetView>
    <customSheetView guid="{25EF1E0D-169B-4051-B414-7E1196FC05E4}" showPageBreaks="1" showGridLines="0" fitToPage="1" printArea="1" topLeftCell="A41">
      <selection activeCell="F71" sqref="F71"/>
      <pageMargins left="0.19685039370078741" right="0.39370078740157483" top="0.19685039370078741" bottom="0.19685039370078741" header="0" footer="0"/>
      <printOptions horizontalCentered="1"/>
      <pageSetup paperSize="9" scale="55" orientation="portrait" r:id="rId6"/>
      <headerFooter alignWithMargins="0"/>
    </customSheetView>
    <customSheetView guid="{C779D862-DE28-46CD-A428-4AAA1056D1E1}" showPageBreaks="1" showGridLines="0" fitToPage="1" printArea="1">
      <selection activeCell="F71" sqref="F71"/>
      <pageMargins left="0.19685039370078741" right="0.19685039370078741" top="0.59055118110236227" bottom="0.19685039370078741" header="0" footer="0"/>
      <printOptions horizontalCentered="1"/>
      <pageSetup paperSize="9" scale="56" orientation="portrait" r:id="rId7"/>
      <headerFooter alignWithMargins="0"/>
    </customSheetView>
  </customSheetViews>
  <mergeCells count="9">
    <mergeCell ref="B41:F42"/>
    <mergeCell ref="A41:A43"/>
    <mergeCell ref="B10:H11"/>
    <mergeCell ref="A10:A12"/>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36"/>
  <sheetViews>
    <sheetView showGridLines="0" zoomScaleNormal="100" workbookViewId="0">
      <selection activeCell="D14" sqref="D14:E14"/>
    </sheetView>
  </sheetViews>
  <sheetFormatPr defaultColWidth="7.85546875" defaultRowHeight="11.25" customHeight="1" x14ac:dyDescent="0.2"/>
  <cols>
    <col min="1" max="1" width="68" style="199" customWidth="1"/>
    <col min="2" max="3" width="21.7109375" style="199" bestFit="1" customWidth="1"/>
    <col min="4" max="4" width="19" style="199" bestFit="1" customWidth="1"/>
    <col min="5" max="5" width="17.28515625" style="199" bestFit="1" customWidth="1"/>
    <col min="6" max="6" width="19" style="198" bestFit="1" customWidth="1"/>
    <col min="7" max="7" width="18.140625" style="199" bestFit="1" customWidth="1"/>
    <col min="8" max="8" width="17.42578125" style="199" bestFit="1" customWidth="1"/>
    <col min="9" max="9" width="17.42578125" style="198" bestFit="1" customWidth="1"/>
    <col min="10" max="10" width="7.85546875" style="240"/>
    <col min="11" max="16384" width="7.85546875" style="199"/>
  </cols>
  <sheetData>
    <row r="1" spans="1:11" s="29" customFormat="1" ht="10.5" x14ac:dyDescent="0.2">
      <c r="A1" s="328"/>
      <c r="B1" s="328"/>
      <c r="C1" s="328"/>
      <c r="D1" s="328"/>
      <c r="E1" s="328"/>
      <c r="F1" s="328"/>
      <c r="G1" s="328"/>
      <c r="H1" s="328"/>
      <c r="I1" s="328"/>
      <c r="J1" s="128"/>
    </row>
    <row r="2" spans="1:11" s="29" customFormat="1" ht="11.25" customHeight="1" x14ac:dyDescent="0.2">
      <c r="A2" s="200"/>
      <c r="F2" s="128"/>
      <c r="I2" s="128"/>
      <c r="J2" s="128"/>
    </row>
    <row r="3" spans="1:11" s="52" customFormat="1" ht="11.25" customHeight="1" x14ac:dyDescent="0.2">
      <c r="A3" s="762" t="s">
        <v>641</v>
      </c>
      <c r="B3" s="762"/>
      <c r="C3" s="762"/>
      <c r="D3" s="762"/>
      <c r="E3" s="762"/>
      <c r="F3" s="762"/>
      <c r="G3" s="762"/>
      <c r="H3" s="762"/>
      <c r="I3" s="762"/>
      <c r="J3" s="71"/>
    </row>
    <row r="4" spans="1:11" s="52" customFormat="1" ht="11.25" customHeight="1" x14ac:dyDescent="0.2">
      <c r="A4" s="762" t="s">
        <v>105</v>
      </c>
      <c r="B4" s="762"/>
      <c r="C4" s="762"/>
      <c r="D4" s="762"/>
      <c r="E4" s="762"/>
      <c r="F4" s="762"/>
      <c r="G4" s="762"/>
      <c r="H4" s="762"/>
      <c r="I4" s="762"/>
      <c r="J4" s="71"/>
    </row>
    <row r="5" spans="1:11" s="52" customFormat="1" ht="11.25" customHeight="1" x14ac:dyDescent="0.2">
      <c r="A5" s="762" t="s">
        <v>127</v>
      </c>
      <c r="B5" s="762"/>
      <c r="C5" s="762"/>
      <c r="D5" s="762"/>
      <c r="E5" s="762"/>
      <c r="F5" s="762"/>
      <c r="G5" s="762"/>
      <c r="H5" s="762"/>
      <c r="I5" s="762"/>
      <c r="J5" s="65"/>
    </row>
    <row r="6" spans="1:11" s="52" customFormat="1" ht="11.25" customHeight="1" x14ac:dyDescent="0.2">
      <c r="A6" s="795" t="s">
        <v>747</v>
      </c>
      <c r="B6" s="795"/>
      <c r="C6" s="795"/>
      <c r="D6" s="795"/>
      <c r="E6" s="795"/>
      <c r="F6" s="795"/>
      <c r="G6" s="795"/>
      <c r="H6" s="795"/>
      <c r="I6" s="795"/>
      <c r="J6" s="65"/>
    </row>
    <row r="7" spans="1:11" s="52" customFormat="1" ht="11.25" customHeight="1" x14ac:dyDescent="0.2">
      <c r="A7" s="762" t="s">
        <v>874</v>
      </c>
      <c r="B7" s="762"/>
      <c r="C7" s="762"/>
      <c r="D7" s="762"/>
      <c r="E7" s="762"/>
      <c r="F7" s="762"/>
      <c r="G7" s="762"/>
      <c r="H7" s="762"/>
      <c r="I7" s="762"/>
      <c r="J7" s="65"/>
    </row>
    <row r="8" spans="1:11" s="29" customFormat="1" ht="11.25" customHeight="1" x14ac:dyDescent="0.2">
      <c r="F8" s="128"/>
      <c r="I8" s="128"/>
      <c r="J8" s="128"/>
    </row>
    <row r="9" spans="1:11" s="29" customFormat="1" ht="11.25" customHeight="1" x14ac:dyDescent="0.2">
      <c r="A9" s="29" t="s">
        <v>367</v>
      </c>
      <c r="F9" s="881"/>
      <c r="G9" s="881"/>
      <c r="I9" s="252">
        <v>1</v>
      </c>
      <c r="J9" s="128"/>
    </row>
    <row r="10" spans="1:11" s="75" customFormat="1" ht="15" customHeight="1" x14ac:dyDescent="0.15">
      <c r="A10" s="822" t="s">
        <v>110</v>
      </c>
      <c r="B10" s="876" t="s">
        <v>108</v>
      </c>
      <c r="C10" s="877"/>
      <c r="D10" s="876" t="s">
        <v>108</v>
      </c>
      <c r="E10" s="877"/>
      <c r="F10" s="872" t="s">
        <v>109</v>
      </c>
      <c r="G10" s="866"/>
      <c r="H10" s="866"/>
      <c r="I10" s="866"/>
      <c r="J10" s="174"/>
    </row>
    <row r="11" spans="1:11" s="75" customFormat="1" ht="15" customHeight="1" x14ac:dyDescent="0.2">
      <c r="A11" s="825"/>
      <c r="B11" s="846" t="s">
        <v>111</v>
      </c>
      <c r="C11" s="847"/>
      <c r="D11" s="850" t="s">
        <v>112</v>
      </c>
      <c r="E11" s="825"/>
      <c r="F11" s="820" t="s">
        <v>115</v>
      </c>
      <c r="G11" s="822"/>
      <c r="H11" s="820" t="s">
        <v>115</v>
      </c>
      <c r="I11" s="821"/>
      <c r="J11" s="174"/>
    </row>
    <row r="12" spans="1:11" s="75" customFormat="1" ht="15" customHeight="1" x14ac:dyDescent="0.2">
      <c r="A12" s="826"/>
      <c r="B12" s="848"/>
      <c r="C12" s="849"/>
      <c r="D12" s="851"/>
      <c r="E12" s="826"/>
      <c r="F12" s="846">
        <v>2015</v>
      </c>
      <c r="G12" s="847"/>
      <c r="H12" s="850">
        <v>2014</v>
      </c>
      <c r="I12" s="852"/>
      <c r="J12" s="174"/>
    </row>
    <row r="13" spans="1:11" ht="10.5" x14ac:dyDescent="0.2">
      <c r="A13" s="174" t="s">
        <v>282</v>
      </c>
      <c r="B13" s="741">
        <v>381570900</v>
      </c>
      <c r="C13" s="782"/>
      <c r="D13" s="741">
        <v>482109387.81999999</v>
      </c>
      <c r="E13" s="782"/>
      <c r="F13" s="741">
        <v>117756676.38999999</v>
      </c>
      <c r="G13" s="782"/>
      <c r="H13" s="741">
        <v>152963986.52000001</v>
      </c>
      <c r="I13" s="742"/>
      <c r="J13" s="570"/>
      <c r="K13" s="225"/>
    </row>
    <row r="14" spans="1:11" ht="10.5" x14ac:dyDescent="0.2">
      <c r="A14" s="174" t="s">
        <v>8</v>
      </c>
      <c r="B14" s="747">
        <v>381570900</v>
      </c>
      <c r="C14" s="785">
        <v>0</v>
      </c>
      <c r="D14" s="747">
        <v>482109387.81999999</v>
      </c>
      <c r="E14" s="785">
        <v>0</v>
      </c>
      <c r="F14" s="747">
        <v>117756676.38999999</v>
      </c>
      <c r="G14" s="785">
        <v>0</v>
      </c>
      <c r="H14" s="747">
        <v>152963986.52000001</v>
      </c>
      <c r="I14" s="748">
        <v>0</v>
      </c>
      <c r="J14" s="570"/>
      <c r="K14" s="225"/>
    </row>
    <row r="15" spans="1:11" ht="10.5" x14ac:dyDescent="0.2">
      <c r="A15" s="199" t="s">
        <v>128</v>
      </c>
      <c r="B15" s="731">
        <v>373750900</v>
      </c>
      <c r="C15" s="786">
        <v>0</v>
      </c>
      <c r="D15" s="731">
        <v>471580768.06</v>
      </c>
      <c r="E15" s="786">
        <v>0</v>
      </c>
      <c r="F15" s="731">
        <v>114160158.72999999</v>
      </c>
      <c r="G15" s="786">
        <v>0</v>
      </c>
      <c r="H15" s="731">
        <v>148197204.06999999</v>
      </c>
      <c r="I15" s="732">
        <v>0</v>
      </c>
      <c r="J15" s="570"/>
      <c r="K15" s="225"/>
    </row>
    <row r="16" spans="1:11" ht="10.5" x14ac:dyDescent="0.2">
      <c r="A16" s="199" t="s">
        <v>283</v>
      </c>
      <c r="B16" s="731">
        <v>126921900</v>
      </c>
      <c r="C16" s="786">
        <v>0</v>
      </c>
      <c r="D16" s="731">
        <v>224751768.06</v>
      </c>
      <c r="E16" s="786">
        <v>0</v>
      </c>
      <c r="F16" s="731">
        <v>98539213.609999985</v>
      </c>
      <c r="G16" s="786">
        <v>0</v>
      </c>
      <c r="H16" s="731">
        <v>123966068.27</v>
      </c>
      <c r="I16" s="732">
        <v>0</v>
      </c>
      <c r="J16" s="570"/>
      <c r="K16" s="225"/>
    </row>
    <row r="17" spans="1:11" ht="10.5" x14ac:dyDescent="0.2">
      <c r="A17" s="199" t="s">
        <v>129</v>
      </c>
      <c r="B17" s="731">
        <v>0</v>
      </c>
      <c r="C17" s="786"/>
      <c r="D17" s="731">
        <v>97829868.059999987</v>
      </c>
      <c r="E17" s="786"/>
      <c r="F17" s="731">
        <v>97829868.059999987</v>
      </c>
      <c r="G17" s="786"/>
      <c r="H17" s="731">
        <v>97675611.739999995</v>
      </c>
      <c r="I17" s="732"/>
      <c r="J17" s="570"/>
      <c r="K17" s="225"/>
    </row>
    <row r="18" spans="1:11" ht="10.5" x14ac:dyDescent="0.2">
      <c r="A18" s="199" t="s">
        <v>130</v>
      </c>
      <c r="B18" s="731">
        <v>86921900</v>
      </c>
      <c r="C18" s="786"/>
      <c r="D18" s="731">
        <v>86921900</v>
      </c>
      <c r="E18" s="786"/>
      <c r="F18" s="731">
        <v>610923.34</v>
      </c>
      <c r="G18" s="786"/>
      <c r="H18" s="731">
        <v>21064940.140000001</v>
      </c>
      <c r="I18" s="732"/>
      <c r="J18" s="570"/>
      <c r="K18" s="225"/>
    </row>
    <row r="19" spans="1:11" ht="10.5" x14ac:dyDescent="0.2">
      <c r="A19" s="199" t="s">
        <v>131</v>
      </c>
      <c r="B19" s="731">
        <v>40000000</v>
      </c>
      <c r="C19" s="786"/>
      <c r="D19" s="731">
        <v>40000000</v>
      </c>
      <c r="E19" s="786"/>
      <c r="F19" s="731">
        <v>98422.21</v>
      </c>
      <c r="G19" s="786"/>
      <c r="H19" s="731">
        <v>5225516.3899999997</v>
      </c>
      <c r="I19" s="732"/>
      <c r="J19" s="570"/>
      <c r="K19" s="225"/>
    </row>
    <row r="20" spans="1:11" ht="10.5" x14ac:dyDescent="0.2">
      <c r="A20" s="199" t="s">
        <v>284</v>
      </c>
      <c r="B20" s="731">
        <v>246829000</v>
      </c>
      <c r="C20" s="786">
        <v>0</v>
      </c>
      <c r="D20" s="731">
        <v>246829000</v>
      </c>
      <c r="E20" s="786">
        <v>0</v>
      </c>
      <c r="F20" s="731">
        <v>15620945.119999999</v>
      </c>
      <c r="G20" s="786">
        <v>0</v>
      </c>
      <c r="H20" s="731">
        <v>24231135.800000001</v>
      </c>
      <c r="I20" s="732">
        <v>0</v>
      </c>
      <c r="J20" s="570"/>
      <c r="K20" s="225"/>
    </row>
    <row r="21" spans="1:11" ht="10.5" x14ac:dyDescent="0.2">
      <c r="A21" s="199" t="s">
        <v>132</v>
      </c>
      <c r="B21" s="731">
        <v>170000000</v>
      </c>
      <c r="C21" s="786"/>
      <c r="D21" s="731">
        <v>170000000</v>
      </c>
      <c r="E21" s="786"/>
      <c r="F21" s="731">
        <v>15620945.119999999</v>
      </c>
      <c r="G21" s="786"/>
      <c r="H21" s="731">
        <v>20101529.48</v>
      </c>
      <c r="I21" s="732"/>
      <c r="J21" s="570"/>
      <c r="K21" s="225"/>
    </row>
    <row r="22" spans="1:11" ht="10.5" x14ac:dyDescent="0.2">
      <c r="A22" s="199" t="s">
        <v>133</v>
      </c>
      <c r="B22" s="731">
        <v>50000000</v>
      </c>
      <c r="C22" s="786"/>
      <c r="D22" s="731">
        <v>50000000</v>
      </c>
      <c r="E22" s="786"/>
      <c r="F22" s="731">
        <v>0</v>
      </c>
      <c r="G22" s="786"/>
      <c r="H22" s="731">
        <v>3985544.66</v>
      </c>
      <c r="I22" s="732"/>
      <c r="J22" s="570"/>
      <c r="K22" s="225"/>
    </row>
    <row r="23" spans="1:11" ht="10.5" x14ac:dyDescent="0.2">
      <c r="A23" s="199" t="s">
        <v>748</v>
      </c>
      <c r="B23" s="731">
        <v>26829000</v>
      </c>
      <c r="C23" s="786"/>
      <c r="D23" s="731">
        <v>26829000</v>
      </c>
      <c r="E23" s="786"/>
      <c r="F23" s="731">
        <v>0</v>
      </c>
      <c r="G23" s="786"/>
      <c r="H23" s="731">
        <v>144061.66</v>
      </c>
      <c r="I23" s="732"/>
      <c r="J23" s="570"/>
      <c r="K23" s="225"/>
    </row>
    <row r="24" spans="1:11" ht="10.5" x14ac:dyDescent="0.2">
      <c r="A24" s="199" t="s">
        <v>155</v>
      </c>
      <c r="B24" s="731">
        <v>0</v>
      </c>
      <c r="C24" s="786"/>
      <c r="D24" s="731">
        <v>1687469.58</v>
      </c>
      <c r="E24" s="786"/>
      <c r="F24" s="731">
        <v>1687469.58</v>
      </c>
      <c r="G24" s="786"/>
      <c r="H24" s="731">
        <v>386340.86</v>
      </c>
      <c r="I24" s="732"/>
      <c r="J24" s="570"/>
      <c r="K24" s="225"/>
    </row>
    <row r="25" spans="1:11" ht="10.5" x14ac:dyDescent="0.2">
      <c r="A25" s="199" t="s">
        <v>312</v>
      </c>
      <c r="B25" s="731">
        <v>0</v>
      </c>
      <c r="C25" s="786">
        <v>0</v>
      </c>
      <c r="D25" s="731">
        <v>138767.81</v>
      </c>
      <c r="E25" s="786">
        <v>0</v>
      </c>
      <c r="F25" s="731">
        <v>138767.81</v>
      </c>
      <c r="G25" s="786"/>
      <c r="H25" s="731">
        <v>51299.9</v>
      </c>
      <c r="I25" s="732">
        <v>0</v>
      </c>
      <c r="J25" s="570"/>
      <c r="K25" s="225"/>
    </row>
    <row r="26" spans="1:11" ht="10.5" x14ac:dyDescent="0.2">
      <c r="A26" s="199" t="s">
        <v>16</v>
      </c>
      <c r="B26" s="731">
        <v>0</v>
      </c>
      <c r="C26" s="786"/>
      <c r="D26" s="731">
        <v>5969.47</v>
      </c>
      <c r="E26" s="786"/>
      <c r="F26" s="731">
        <v>5969.47</v>
      </c>
      <c r="G26" s="786"/>
      <c r="H26" s="731">
        <v>3300</v>
      </c>
      <c r="I26" s="732"/>
      <c r="J26" s="570"/>
      <c r="K26" s="225"/>
    </row>
    <row r="27" spans="1:11" ht="10.5" x14ac:dyDescent="0.2">
      <c r="A27" s="199" t="s">
        <v>17</v>
      </c>
      <c r="B27" s="731">
        <v>0</v>
      </c>
      <c r="C27" s="786"/>
      <c r="D27" s="731">
        <v>132798.34</v>
      </c>
      <c r="E27" s="786"/>
      <c r="F27" s="731">
        <v>132798.34</v>
      </c>
      <c r="G27" s="786"/>
      <c r="H27" s="731">
        <v>47999.9</v>
      </c>
      <c r="I27" s="732"/>
      <c r="J27" s="570"/>
      <c r="K27" s="225"/>
    </row>
    <row r="28" spans="1:11" ht="10.5" x14ac:dyDescent="0.2">
      <c r="A28" s="199" t="s">
        <v>19</v>
      </c>
      <c r="B28" s="731">
        <v>0</v>
      </c>
      <c r="C28" s="786"/>
      <c r="D28" s="731">
        <v>0</v>
      </c>
      <c r="E28" s="786"/>
      <c r="F28" s="747">
        <v>0</v>
      </c>
      <c r="G28" s="785"/>
      <c r="H28" s="731">
        <v>0</v>
      </c>
      <c r="I28" s="732"/>
      <c r="J28" s="570"/>
      <c r="K28" s="225"/>
    </row>
    <row r="29" spans="1:11" ht="10.5" x14ac:dyDescent="0.2">
      <c r="A29" s="199" t="s">
        <v>227</v>
      </c>
      <c r="B29" s="731">
        <v>0</v>
      </c>
      <c r="C29" s="786"/>
      <c r="D29" s="731">
        <v>0</v>
      </c>
      <c r="E29" s="786"/>
      <c r="F29" s="747">
        <v>0</v>
      </c>
      <c r="G29" s="785"/>
      <c r="H29" s="731">
        <v>0</v>
      </c>
      <c r="I29" s="732"/>
      <c r="J29" s="570"/>
      <c r="K29" s="225"/>
    </row>
    <row r="30" spans="1:11" ht="10.5" x14ac:dyDescent="0.2">
      <c r="A30" s="63" t="s">
        <v>285</v>
      </c>
      <c r="B30" s="731">
        <v>7820000</v>
      </c>
      <c r="C30" s="786">
        <v>0</v>
      </c>
      <c r="D30" s="731">
        <v>8702382.370000001</v>
      </c>
      <c r="E30" s="786">
        <v>0</v>
      </c>
      <c r="F30" s="731">
        <v>1770280.27</v>
      </c>
      <c r="G30" s="786">
        <v>0</v>
      </c>
      <c r="H30" s="731">
        <v>4329141.6899999995</v>
      </c>
      <c r="I30" s="732">
        <v>0</v>
      </c>
      <c r="J30" s="570"/>
      <c r="K30" s="225"/>
    </row>
    <row r="31" spans="1:11" ht="10.5" x14ac:dyDescent="0.2">
      <c r="A31" s="139" t="s">
        <v>546</v>
      </c>
      <c r="B31" s="731">
        <v>7820000</v>
      </c>
      <c r="C31" s="786"/>
      <c r="D31" s="731">
        <v>7820000</v>
      </c>
      <c r="E31" s="786"/>
      <c r="F31" s="731">
        <v>887897.9</v>
      </c>
      <c r="G31" s="786"/>
      <c r="H31" s="731">
        <v>3670563.5</v>
      </c>
      <c r="I31" s="732"/>
      <c r="J31" s="570"/>
      <c r="K31" s="225"/>
    </row>
    <row r="32" spans="1:11" ht="10.5" x14ac:dyDescent="0.2">
      <c r="A32" s="139" t="s">
        <v>547</v>
      </c>
      <c r="B32" s="731">
        <v>0</v>
      </c>
      <c r="C32" s="786"/>
      <c r="D32" s="731">
        <v>882382.37000000011</v>
      </c>
      <c r="E32" s="786"/>
      <c r="F32" s="731">
        <v>882382.37000000011</v>
      </c>
      <c r="G32" s="786"/>
      <c r="H32" s="731">
        <v>658578.18999999994</v>
      </c>
      <c r="I32" s="732"/>
      <c r="J32" s="570"/>
      <c r="K32" s="225"/>
    </row>
    <row r="33" spans="1:11" ht="10.5" x14ac:dyDescent="0.2">
      <c r="A33" s="175" t="s">
        <v>40</v>
      </c>
      <c r="B33" s="731">
        <v>0</v>
      </c>
      <c r="C33" s="786">
        <v>0</v>
      </c>
      <c r="D33" s="731">
        <v>0</v>
      </c>
      <c r="E33" s="786"/>
      <c r="F33" s="747">
        <v>0</v>
      </c>
      <c r="G33" s="785">
        <v>0</v>
      </c>
      <c r="H33" s="731">
        <v>0</v>
      </c>
      <c r="I33" s="732">
        <v>0</v>
      </c>
      <c r="J33" s="570"/>
      <c r="K33" s="225"/>
    </row>
    <row r="34" spans="1:11" ht="10.5" x14ac:dyDescent="0.2">
      <c r="A34" s="139" t="s">
        <v>120</v>
      </c>
      <c r="B34" s="731">
        <v>0</v>
      </c>
      <c r="C34" s="786"/>
      <c r="D34" s="731">
        <v>0</v>
      </c>
      <c r="E34" s="786"/>
      <c r="F34" s="747">
        <v>0</v>
      </c>
      <c r="G34" s="785"/>
      <c r="H34" s="731">
        <v>0</v>
      </c>
      <c r="I34" s="732"/>
      <c r="J34" s="570"/>
      <c r="K34" s="225"/>
    </row>
    <row r="35" spans="1:11" ht="10.5" x14ac:dyDescent="0.2">
      <c r="A35" s="199" t="s">
        <v>228</v>
      </c>
      <c r="B35" s="731">
        <v>0</v>
      </c>
      <c r="C35" s="786"/>
      <c r="D35" s="731">
        <v>0</v>
      </c>
      <c r="E35" s="786"/>
      <c r="F35" s="747">
        <v>0</v>
      </c>
      <c r="G35" s="785"/>
      <c r="H35" s="731">
        <v>0</v>
      </c>
      <c r="I35" s="732"/>
      <c r="J35" s="570"/>
      <c r="K35" s="225"/>
    </row>
    <row r="36" spans="1:11" ht="10.5" x14ac:dyDescent="0.2">
      <c r="A36" s="139" t="s">
        <v>286</v>
      </c>
      <c r="B36" s="731">
        <v>0</v>
      </c>
      <c r="C36" s="786"/>
      <c r="D36" s="731">
        <v>0</v>
      </c>
      <c r="E36" s="786"/>
      <c r="F36" s="747">
        <v>0</v>
      </c>
      <c r="G36" s="785"/>
      <c r="H36" s="731">
        <v>0</v>
      </c>
      <c r="I36" s="732"/>
      <c r="J36" s="570"/>
      <c r="K36" s="225"/>
    </row>
    <row r="37" spans="1:11" s="75" customFormat="1" ht="10.5" x14ac:dyDescent="0.2">
      <c r="B37" s="731"/>
      <c r="C37" s="786"/>
      <c r="D37" s="731"/>
      <c r="E37" s="786"/>
      <c r="F37" s="747"/>
      <c r="G37" s="785"/>
      <c r="H37" s="731"/>
      <c r="I37" s="732"/>
      <c r="J37" s="224"/>
      <c r="K37" s="476"/>
    </row>
    <row r="38" spans="1:11" ht="15" customHeight="1" x14ac:dyDescent="0.2">
      <c r="A38" s="176" t="s">
        <v>548</v>
      </c>
      <c r="B38" s="791">
        <v>914247000</v>
      </c>
      <c r="C38" s="880"/>
      <c r="D38" s="791">
        <v>914247000</v>
      </c>
      <c r="E38" s="880"/>
      <c r="F38" s="791">
        <v>204847475.38000003</v>
      </c>
      <c r="G38" s="880"/>
      <c r="H38" s="791">
        <v>244004318.57999998</v>
      </c>
      <c r="I38" s="792"/>
      <c r="J38" s="570"/>
      <c r="K38" s="225"/>
    </row>
    <row r="39" spans="1:11" ht="15" customHeight="1" x14ac:dyDescent="0.2">
      <c r="A39" s="140" t="s">
        <v>766</v>
      </c>
      <c r="B39" s="757">
        <v>1295817900</v>
      </c>
      <c r="C39" s="856">
        <v>0</v>
      </c>
      <c r="D39" s="757">
        <v>1396356387.8199999</v>
      </c>
      <c r="E39" s="856">
        <v>0</v>
      </c>
      <c r="F39" s="827">
        <v>322604151.76999998</v>
      </c>
      <c r="G39" s="828">
        <v>0</v>
      </c>
      <c r="H39" s="757">
        <v>396968305.10000002</v>
      </c>
      <c r="I39" s="758">
        <v>0</v>
      </c>
      <c r="J39" s="570"/>
      <c r="K39" s="225"/>
    </row>
    <row r="40" spans="1:11" ht="5.0999999999999996" customHeight="1" x14ac:dyDescent="0.2">
      <c r="A40" s="141"/>
      <c r="B40" s="138"/>
      <c r="C40" s="138"/>
      <c r="D40" s="16"/>
      <c r="E40" s="138"/>
      <c r="F40" s="83"/>
      <c r="G40" s="83"/>
      <c r="H40" s="28"/>
      <c r="I40" s="28"/>
    </row>
    <row r="41" spans="1:11" s="75" customFormat="1" ht="25.5" customHeight="1" x14ac:dyDescent="0.15">
      <c r="A41" s="822" t="s">
        <v>160</v>
      </c>
      <c r="B41" s="221" t="s">
        <v>157</v>
      </c>
      <c r="C41" s="221" t="s">
        <v>157</v>
      </c>
      <c r="D41" s="771" t="s">
        <v>158</v>
      </c>
      <c r="E41" s="773"/>
      <c r="F41" s="860" t="s">
        <v>159</v>
      </c>
      <c r="G41" s="859"/>
      <c r="H41" s="860" t="s">
        <v>348</v>
      </c>
      <c r="I41" s="858"/>
      <c r="J41" s="174"/>
    </row>
    <row r="42" spans="1:11" s="75" customFormat="1" ht="15" customHeight="1" x14ac:dyDescent="0.2">
      <c r="A42" s="825"/>
      <c r="B42" s="843" t="s">
        <v>111</v>
      </c>
      <c r="C42" s="843" t="s">
        <v>112</v>
      </c>
      <c r="D42" s="192" t="s">
        <v>115</v>
      </c>
      <c r="E42" s="192" t="s">
        <v>115</v>
      </c>
      <c r="F42" s="192" t="s">
        <v>115</v>
      </c>
      <c r="G42" s="192" t="s">
        <v>115</v>
      </c>
      <c r="H42" s="878" t="s">
        <v>745</v>
      </c>
      <c r="I42" s="872" t="s">
        <v>746</v>
      </c>
      <c r="J42" s="174"/>
    </row>
    <row r="43" spans="1:11" s="75" customFormat="1" ht="15" customHeight="1" x14ac:dyDescent="0.2">
      <c r="A43" s="826"/>
      <c r="B43" s="824"/>
      <c r="C43" s="824"/>
      <c r="D43" s="193">
        <v>2015</v>
      </c>
      <c r="E43" s="194">
        <v>2014</v>
      </c>
      <c r="F43" s="193">
        <v>2015</v>
      </c>
      <c r="G43" s="194">
        <v>2014</v>
      </c>
      <c r="H43" s="879"/>
      <c r="I43" s="848"/>
      <c r="J43" s="174"/>
    </row>
    <row r="44" spans="1:11" ht="10.5" x14ac:dyDescent="0.2">
      <c r="A44" s="177" t="s">
        <v>134</v>
      </c>
      <c r="B44" s="335">
        <v>1545787900</v>
      </c>
      <c r="C44" s="592">
        <v>2009269743.76</v>
      </c>
      <c r="D44" s="592">
        <v>1253104550.4099998</v>
      </c>
      <c r="E44" s="592">
        <v>768848178</v>
      </c>
      <c r="F44" s="592">
        <v>1032357863.49</v>
      </c>
      <c r="G44" s="592">
        <v>763907381.05999994</v>
      </c>
      <c r="H44" s="592">
        <v>0</v>
      </c>
      <c r="I44" s="592">
        <v>0</v>
      </c>
    </row>
    <row r="45" spans="1:11" ht="10.5" x14ac:dyDescent="0.2">
      <c r="A45" s="75" t="s">
        <v>281</v>
      </c>
      <c r="B45" s="344">
        <v>3171000</v>
      </c>
      <c r="C45" s="591">
        <v>4233443.76</v>
      </c>
      <c r="D45" s="591">
        <v>766593.84999999986</v>
      </c>
      <c r="E45" s="591">
        <v>819470.99999999988</v>
      </c>
      <c r="F45" s="591">
        <v>665408.62</v>
      </c>
      <c r="G45" s="591">
        <v>683419.24</v>
      </c>
      <c r="H45" s="591">
        <v>0</v>
      </c>
      <c r="I45" s="592">
        <v>0</v>
      </c>
    </row>
    <row r="46" spans="1:11" ht="10.5" x14ac:dyDescent="0.2">
      <c r="A46" s="29" t="s">
        <v>287</v>
      </c>
      <c r="B46" s="337">
        <v>2727700</v>
      </c>
      <c r="C46" s="500">
        <v>3790143.76</v>
      </c>
      <c r="D46" s="500">
        <v>766593.84999999986</v>
      </c>
      <c r="E46" s="500">
        <v>811259.99999999988</v>
      </c>
      <c r="F46" s="500">
        <v>665408.62</v>
      </c>
      <c r="G46" s="500">
        <v>675208.24</v>
      </c>
      <c r="H46" s="500">
        <v>0</v>
      </c>
      <c r="I46" s="499">
        <v>0</v>
      </c>
    </row>
    <row r="47" spans="1:11" ht="10.5" x14ac:dyDescent="0.2">
      <c r="A47" s="29" t="s">
        <v>288</v>
      </c>
      <c r="B47" s="337">
        <v>443300</v>
      </c>
      <c r="C47" s="500">
        <v>443300</v>
      </c>
      <c r="D47" s="500">
        <v>0</v>
      </c>
      <c r="E47" s="500">
        <v>8211</v>
      </c>
      <c r="F47" s="500">
        <v>0</v>
      </c>
      <c r="G47" s="500">
        <v>8211</v>
      </c>
      <c r="H47" s="500">
        <v>0</v>
      </c>
      <c r="I47" s="499">
        <v>0</v>
      </c>
    </row>
    <row r="48" spans="1:11" ht="10.5" x14ac:dyDescent="0.2">
      <c r="A48" s="328" t="s">
        <v>135</v>
      </c>
      <c r="B48" s="344">
        <v>1542616900</v>
      </c>
      <c r="C48" s="591">
        <v>2005036300</v>
      </c>
      <c r="D48" s="591">
        <v>1252337956.5599999</v>
      </c>
      <c r="E48" s="591">
        <v>768028707</v>
      </c>
      <c r="F48" s="591">
        <v>1031692454.87</v>
      </c>
      <c r="G48" s="591">
        <v>763223961.81999993</v>
      </c>
      <c r="H48" s="591">
        <v>0</v>
      </c>
      <c r="I48" s="499">
        <v>0</v>
      </c>
    </row>
    <row r="49" spans="1:10" ht="10.5" x14ac:dyDescent="0.2">
      <c r="A49" s="29" t="s">
        <v>201</v>
      </c>
      <c r="B49" s="337">
        <v>1497784900</v>
      </c>
      <c r="C49" s="500">
        <v>1821895666.9200001</v>
      </c>
      <c r="D49" s="500">
        <v>1080325618.5899999</v>
      </c>
      <c r="E49" s="500">
        <v>660060538</v>
      </c>
      <c r="F49" s="500">
        <v>891655345.80999994</v>
      </c>
      <c r="G49" s="500">
        <v>655386696.23999989</v>
      </c>
      <c r="H49" s="500">
        <v>0</v>
      </c>
      <c r="I49" s="499">
        <v>0</v>
      </c>
    </row>
    <row r="50" spans="1:10" ht="10.5" x14ac:dyDescent="0.2">
      <c r="A50" s="29" t="s">
        <v>289</v>
      </c>
      <c r="B50" s="337">
        <v>1251676900</v>
      </c>
      <c r="C50" s="500">
        <v>1696003828.1500001</v>
      </c>
      <c r="D50" s="500">
        <v>954433779.82000005</v>
      </c>
      <c r="E50" s="500">
        <v>543422400</v>
      </c>
      <c r="F50" s="500">
        <v>795517241.76999998</v>
      </c>
      <c r="G50" s="500">
        <v>539489896.05999994</v>
      </c>
      <c r="H50" s="500">
        <v>0</v>
      </c>
      <c r="I50" s="499">
        <v>0</v>
      </c>
    </row>
    <row r="51" spans="1:10" ht="10.5" x14ac:dyDescent="0.2">
      <c r="A51" s="29" t="s">
        <v>290</v>
      </c>
      <c r="B51" s="337">
        <v>240216000</v>
      </c>
      <c r="C51" s="500">
        <v>120059826.48999999</v>
      </c>
      <c r="D51" s="500">
        <v>120059826.48999999</v>
      </c>
      <c r="E51" s="500">
        <v>109537442</v>
      </c>
      <c r="F51" s="500">
        <v>92062911.38000001</v>
      </c>
      <c r="G51" s="500">
        <v>108803724.3</v>
      </c>
      <c r="H51" s="500">
        <v>0</v>
      </c>
      <c r="I51" s="499">
        <v>0</v>
      </c>
    </row>
    <row r="52" spans="1:10" s="216" customFormat="1" ht="10.5" x14ac:dyDescent="0.15">
      <c r="A52" s="29" t="s">
        <v>291</v>
      </c>
      <c r="B52" s="364">
        <v>5892000</v>
      </c>
      <c r="C52" s="500">
        <v>5832012.2800000003</v>
      </c>
      <c r="D52" s="500">
        <v>5832012.2800000003</v>
      </c>
      <c r="E52" s="500">
        <v>7100696</v>
      </c>
      <c r="F52" s="500">
        <v>4075192.6599999997</v>
      </c>
      <c r="G52" s="500">
        <v>7093075.8799999999</v>
      </c>
      <c r="H52" s="500">
        <v>0</v>
      </c>
      <c r="I52" s="499">
        <v>0</v>
      </c>
      <c r="J52" s="487"/>
    </row>
    <row r="53" spans="1:10" s="216" customFormat="1" ht="10.5" x14ac:dyDescent="0.15">
      <c r="A53" s="29" t="s">
        <v>202</v>
      </c>
      <c r="B53" s="243">
        <v>44580000</v>
      </c>
      <c r="C53" s="500">
        <v>170075633.08000001</v>
      </c>
      <c r="D53" s="500">
        <v>170075633.08000001</v>
      </c>
      <c r="E53" s="500">
        <v>107968169</v>
      </c>
      <c r="F53" s="500">
        <v>138100446.98000002</v>
      </c>
      <c r="G53" s="500">
        <v>107837265.58</v>
      </c>
      <c r="H53" s="500">
        <v>0</v>
      </c>
      <c r="I53" s="499">
        <v>0</v>
      </c>
      <c r="J53" s="487"/>
    </row>
    <row r="54" spans="1:10" s="216" customFormat="1" ht="10.5" x14ac:dyDescent="0.15">
      <c r="A54" s="29" t="s">
        <v>292</v>
      </c>
      <c r="B54" s="364">
        <v>780000</v>
      </c>
      <c r="C54" s="500">
        <v>147072833.65000001</v>
      </c>
      <c r="D54" s="500">
        <v>147072833.65000001</v>
      </c>
      <c r="E54" s="500">
        <v>99720129</v>
      </c>
      <c r="F54" s="500">
        <v>120009867.88000001</v>
      </c>
      <c r="G54" s="500">
        <v>99596044.599999994</v>
      </c>
      <c r="H54" s="500">
        <v>0</v>
      </c>
      <c r="I54" s="499">
        <v>0</v>
      </c>
      <c r="J54" s="487"/>
    </row>
    <row r="55" spans="1:10" s="216" customFormat="1" ht="10.5" x14ac:dyDescent="0.15">
      <c r="A55" s="29" t="s">
        <v>290</v>
      </c>
      <c r="B55" s="364">
        <v>33600000</v>
      </c>
      <c r="C55" s="500">
        <v>22637672.640000001</v>
      </c>
      <c r="D55" s="500">
        <v>22637672.640000001</v>
      </c>
      <c r="E55" s="500">
        <v>8248040</v>
      </c>
      <c r="F55" s="500">
        <v>17748383.66</v>
      </c>
      <c r="G55" s="500">
        <v>8241220.9800000004</v>
      </c>
      <c r="H55" s="500">
        <v>0</v>
      </c>
      <c r="I55" s="499">
        <v>0</v>
      </c>
      <c r="J55" s="487"/>
    </row>
    <row r="56" spans="1:10" s="216" customFormat="1" ht="10.5" x14ac:dyDescent="0.15">
      <c r="A56" s="29" t="s">
        <v>291</v>
      </c>
      <c r="B56" s="364">
        <v>10200000</v>
      </c>
      <c r="C56" s="500">
        <v>365126.79</v>
      </c>
      <c r="D56" s="500">
        <v>365126.79</v>
      </c>
      <c r="E56" s="500">
        <v>0</v>
      </c>
      <c r="F56" s="500">
        <v>342195.44</v>
      </c>
      <c r="G56" s="500">
        <v>0</v>
      </c>
      <c r="H56" s="500">
        <v>0</v>
      </c>
      <c r="I56" s="499">
        <v>0</v>
      </c>
      <c r="J56" s="487"/>
    </row>
    <row r="57" spans="1:10" s="216" customFormat="1" ht="10.5" x14ac:dyDescent="0.15">
      <c r="A57" s="29" t="s">
        <v>293</v>
      </c>
      <c r="B57" s="243">
        <v>252000</v>
      </c>
      <c r="C57" s="500">
        <v>13065000</v>
      </c>
      <c r="D57" s="500">
        <v>1936704.89</v>
      </c>
      <c r="E57" s="500">
        <v>0</v>
      </c>
      <c r="F57" s="500">
        <v>1936662.08</v>
      </c>
      <c r="G57" s="500">
        <v>0</v>
      </c>
      <c r="H57" s="500">
        <v>0</v>
      </c>
      <c r="I57" s="499">
        <v>0</v>
      </c>
      <c r="J57" s="487"/>
    </row>
    <row r="58" spans="1:10" s="216" customFormat="1" ht="10.5" x14ac:dyDescent="0.15">
      <c r="A58" s="29" t="s">
        <v>229</v>
      </c>
      <c r="B58" s="364">
        <v>0</v>
      </c>
      <c r="C58" s="500">
        <v>13065000</v>
      </c>
      <c r="D58" s="500">
        <v>1936704.89</v>
      </c>
      <c r="E58" s="500">
        <v>0</v>
      </c>
      <c r="F58" s="500">
        <v>1936662.08</v>
      </c>
      <c r="G58" s="500">
        <v>0</v>
      </c>
      <c r="H58" s="500">
        <v>0</v>
      </c>
      <c r="I58" s="499">
        <v>0</v>
      </c>
      <c r="J58" s="487"/>
    </row>
    <row r="59" spans="1:10" s="216" customFormat="1" ht="10.5" x14ac:dyDescent="0.15">
      <c r="A59" s="29" t="s">
        <v>60</v>
      </c>
      <c r="B59" s="364">
        <v>252000</v>
      </c>
      <c r="C59" s="500">
        <v>0</v>
      </c>
      <c r="D59" s="500">
        <v>0</v>
      </c>
      <c r="E59" s="500">
        <v>0</v>
      </c>
      <c r="F59" s="500">
        <v>0</v>
      </c>
      <c r="G59" s="500">
        <v>0</v>
      </c>
      <c r="H59" s="500">
        <v>0</v>
      </c>
      <c r="I59" s="499">
        <v>0</v>
      </c>
      <c r="J59" s="487"/>
    </row>
    <row r="60" spans="1:10" ht="15" customHeight="1" x14ac:dyDescent="0.2">
      <c r="A60" s="368" t="s">
        <v>549</v>
      </c>
      <c r="B60" s="367">
        <v>30000</v>
      </c>
      <c r="C60" s="591">
        <v>30000</v>
      </c>
      <c r="D60" s="500">
        <v>0</v>
      </c>
      <c r="E60" s="500">
        <v>0</v>
      </c>
      <c r="F60" s="500">
        <v>0</v>
      </c>
      <c r="G60" s="500">
        <v>0</v>
      </c>
      <c r="H60" s="500">
        <v>0</v>
      </c>
      <c r="I60" s="499">
        <v>0</v>
      </c>
    </row>
    <row r="61" spans="1:10" ht="15" customHeight="1" x14ac:dyDescent="0.15">
      <c r="A61" s="30" t="s">
        <v>749</v>
      </c>
      <c r="B61" s="356">
        <v>1545817900</v>
      </c>
      <c r="C61" s="356">
        <v>2009299743.76</v>
      </c>
      <c r="D61" s="356">
        <v>1253104550.4099998</v>
      </c>
      <c r="E61" s="498">
        <v>768848178</v>
      </c>
      <c r="F61" s="356">
        <v>1032357863.49</v>
      </c>
      <c r="G61" s="356">
        <v>763907381.05999994</v>
      </c>
      <c r="H61" s="501">
        <v>0</v>
      </c>
      <c r="I61" s="569">
        <v>0</v>
      </c>
    </row>
    <row r="62" spans="1:10" ht="5.0999999999999996" customHeight="1" x14ac:dyDescent="0.2">
      <c r="A62" s="143"/>
      <c r="B62" s="346"/>
      <c r="C62" s="346"/>
      <c r="D62" s="346"/>
      <c r="E62" s="346"/>
      <c r="F62" s="366"/>
      <c r="G62" s="366"/>
      <c r="H62" s="366"/>
      <c r="I62" s="366"/>
    </row>
    <row r="63" spans="1:10" ht="15" customHeight="1" x14ac:dyDescent="0.2">
      <c r="A63" s="30" t="s">
        <v>550</v>
      </c>
      <c r="B63" s="505">
        <v>-250000000</v>
      </c>
      <c r="C63" s="505">
        <v>-612943355.94000006</v>
      </c>
      <c r="D63" s="505"/>
      <c r="E63" s="505"/>
      <c r="F63" s="505">
        <v>-709753711.72000003</v>
      </c>
      <c r="G63" s="505">
        <v>-366939075.95999992</v>
      </c>
      <c r="H63" s="505"/>
      <c r="I63" s="506"/>
    </row>
    <row r="64" spans="1:10" ht="5.0999999999999996" customHeight="1" x14ac:dyDescent="0.2">
      <c r="A64" s="34"/>
      <c r="B64" s="31"/>
      <c r="C64" s="31"/>
      <c r="D64" s="31"/>
      <c r="E64" s="31"/>
      <c r="G64" s="198"/>
      <c r="H64" s="198"/>
    </row>
    <row r="65" spans="1:11" s="75" customFormat="1" ht="15" customHeight="1" x14ac:dyDescent="0.15">
      <c r="A65" s="857" t="s">
        <v>551</v>
      </c>
      <c r="B65" s="876" t="s">
        <v>108</v>
      </c>
      <c r="C65" s="877"/>
      <c r="D65" s="876" t="s">
        <v>108</v>
      </c>
      <c r="E65" s="877"/>
      <c r="F65" s="872" t="s">
        <v>109</v>
      </c>
      <c r="G65" s="866"/>
      <c r="H65" s="866"/>
      <c r="I65" s="866"/>
      <c r="J65" s="174"/>
    </row>
    <row r="66" spans="1:11" s="75" customFormat="1" ht="10.5" x14ac:dyDescent="0.2">
      <c r="A66" s="847"/>
      <c r="B66" s="846" t="s">
        <v>111</v>
      </c>
      <c r="C66" s="847"/>
      <c r="D66" s="850" t="s">
        <v>112</v>
      </c>
      <c r="E66" s="825"/>
      <c r="F66" s="820" t="s">
        <v>115</v>
      </c>
      <c r="G66" s="822"/>
      <c r="H66" s="820" t="s">
        <v>115</v>
      </c>
      <c r="I66" s="821"/>
      <c r="J66" s="174"/>
    </row>
    <row r="67" spans="1:11" s="75" customFormat="1" ht="10.5" x14ac:dyDescent="0.2">
      <c r="A67" s="849"/>
      <c r="B67" s="848"/>
      <c r="C67" s="849"/>
      <c r="D67" s="851"/>
      <c r="E67" s="826"/>
      <c r="F67" s="846">
        <v>2015</v>
      </c>
      <c r="G67" s="847"/>
      <c r="H67" s="850">
        <v>2014</v>
      </c>
      <c r="I67" s="852"/>
      <c r="J67" s="174"/>
    </row>
    <row r="68" spans="1:11" ht="10.5" x14ac:dyDescent="0.2">
      <c r="A68" s="179" t="s">
        <v>136</v>
      </c>
      <c r="B68" s="853">
        <v>250000000</v>
      </c>
      <c r="C68" s="854">
        <v>0</v>
      </c>
      <c r="D68" s="731">
        <v>378605364.75999999</v>
      </c>
      <c r="E68" s="786">
        <v>0</v>
      </c>
      <c r="F68" s="853">
        <v>297773736.63</v>
      </c>
      <c r="G68" s="854">
        <v>0</v>
      </c>
      <c r="H68" s="853">
        <v>374749594.52999997</v>
      </c>
      <c r="I68" s="855"/>
      <c r="J68" s="570"/>
      <c r="K68" s="225"/>
    </row>
    <row r="69" spans="1:11" ht="10.5" x14ac:dyDescent="0.2">
      <c r="A69" s="179" t="s">
        <v>137</v>
      </c>
      <c r="B69" s="835">
        <v>250000000</v>
      </c>
      <c r="C69" s="836"/>
      <c r="D69" s="731">
        <v>378605364.75999999</v>
      </c>
      <c r="E69" s="786"/>
      <c r="F69" s="835">
        <v>297773736.63</v>
      </c>
      <c r="G69" s="836"/>
      <c r="H69" s="835">
        <v>374749594.52999997</v>
      </c>
      <c r="I69" s="839"/>
      <c r="J69" s="570"/>
      <c r="K69" s="225"/>
    </row>
    <row r="70" spans="1:11" ht="10.5" x14ac:dyDescent="0.2">
      <c r="A70" s="135" t="s">
        <v>138</v>
      </c>
      <c r="B70" s="835">
        <v>250000000</v>
      </c>
      <c r="C70" s="836"/>
      <c r="D70" s="731">
        <v>250000000</v>
      </c>
      <c r="E70" s="786"/>
      <c r="F70" s="835">
        <v>169168371.87</v>
      </c>
      <c r="G70" s="836"/>
      <c r="H70" s="835">
        <v>221127837.21000001</v>
      </c>
      <c r="I70" s="839"/>
      <c r="J70" s="570"/>
      <c r="K70" s="225"/>
    </row>
    <row r="71" spans="1:11" ht="10.5" x14ac:dyDescent="0.2">
      <c r="A71" s="135" t="s">
        <v>139</v>
      </c>
      <c r="B71" s="835">
        <v>0</v>
      </c>
      <c r="C71" s="836"/>
      <c r="D71" s="731">
        <v>0</v>
      </c>
      <c r="E71" s="786"/>
      <c r="F71" s="835">
        <v>0</v>
      </c>
      <c r="G71" s="836"/>
      <c r="H71" s="835">
        <v>0</v>
      </c>
      <c r="I71" s="839"/>
      <c r="J71" s="570"/>
      <c r="K71" s="225"/>
    </row>
    <row r="72" spans="1:11" ht="10.5" x14ac:dyDescent="0.2">
      <c r="A72" s="135" t="s">
        <v>140</v>
      </c>
      <c r="B72" s="835">
        <v>0</v>
      </c>
      <c r="C72" s="836"/>
      <c r="D72" s="731">
        <v>128605364.76000001</v>
      </c>
      <c r="E72" s="786"/>
      <c r="F72" s="835">
        <v>128605364.76000001</v>
      </c>
      <c r="G72" s="836"/>
      <c r="H72" s="835">
        <v>153621757.31999999</v>
      </c>
      <c r="I72" s="839"/>
      <c r="J72" s="570"/>
      <c r="K72" s="225"/>
    </row>
    <row r="73" spans="1:11" ht="10.5" x14ac:dyDescent="0.2">
      <c r="A73" s="179" t="s">
        <v>141</v>
      </c>
      <c r="B73" s="835">
        <v>0</v>
      </c>
      <c r="C73" s="836"/>
      <c r="D73" s="731">
        <v>0</v>
      </c>
      <c r="E73" s="786"/>
      <c r="F73" s="835">
        <v>0</v>
      </c>
      <c r="G73" s="836"/>
      <c r="H73" s="835">
        <v>0</v>
      </c>
      <c r="I73" s="839"/>
      <c r="J73" s="570"/>
      <c r="K73" s="225"/>
    </row>
    <row r="74" spans="1:11" ht="10.5" x14ac:dyDescent="0.2">
      <c r="A74" s="135" t="s">
        <v>142</v>
      </c>
      <c r="B74" s="835">
        <v>0</v>
      </c>
      <c r="C74" s="836"/>
      <c r="D74" s="731">
        <v>0</v>
      </c>
      <c r="E74" s="786"/>
      <c r="F74" s="835">
        <v>0</v>
      </c>
      <c r="G74" s="836"/>
      <c r="H74" s="835">
        <v>0</v>
      </c>
      <c r="I74" s="839"/>
      <c r="J74" s="570"/>
      <c r="K74" s="225"/>
    </row>
    <row r="75" spans="1:11" ht="10.5" x14ac:dyDescent="0.2">
      <c r="A75" s="135" t="s">
        <v>143</v>
      </c>
      <c r="B75" s="835">
        <v>0</v>
      </c>
      <c r="C75" s="836"/>
      <c r="D75" s="731">
        <v>0</v>
      </c>
      <c r="E75" s="786"/>
      <c r="F75" s="835">
        <v>0</v>
      </c>
      <c r="G75" s="836"/>
      <c r="H75" s="835">
        <v>0</v>
      </c>
      <c r="I75" s="839"/>
      <c r="J75" s="570"/>
      <c r="K75" s="225"/>
    </row>
    <row r="76" spans="1:11" ht="10.5" x14ac:dyDescent="0.2">
      <c r="A76" s="137" t="s">
        <v>140</v>
      </c>
      <c r="B76" s="833">
        <v>0</v>
      </c>
      <c r="C76" s="837"/>
      <c r="D76" s="760">
        <v>0</v>
      </c>
      <c r="E76" s="838"/>
      <c r="F76" s="833">
        <v>0</v>
      </c>
      <c r="G76" s="837"/>
      <c r="H76" s="833">
        <v>0</v>
      </c>
      <c r="I76" s="834"/>
      <c r="J76" s="570"/>
      <c r="K76" s="225"/>
    </row>
    <row r="77" spans="1:11" ht="5.0999999999999996" customHeight="1" x14ac:dyDescent="0.2">
      <c r="A77" s="197"/>
      <c r="B77" s="197"/>
      <c r="C77" s="197"/>
      <c r="D77" s="212"/>
      <c r="E77" s="212"/>
      <c r="F77" s="212"/>
      <c r="G77" s="77"/>
      <c r="H77" s="77"/>
      <c r="I77" s="77"/>
    </row>
    <row r="78" spans="1:11" s="75" customFormat="1" ht="15" customHeight="1" x14ac:dyDescent="0.2">
      <c r="A78" s="858" t="s">
        <v>144</v>
      </c>
      <c r="B78" s="858"/>
      <c r="C78" s="859"/>
      <c r="D78" s="860" t="s">
        <v>122</v>
      </c>
      <c r="E78" s="858"/>
      <c r="F78" s="858"/>
      <c r="G78" s="858"/>
      <c r="H78" s="858"/>
      <c r="I78" s="858"/>
      <c r="J78" s="174"/>
    </row>
    <row r="79" spans="1:11" ht="15" customHeight="1" x14ac:dyDescent="0.2">
      <c r="A79" s="844" t="s">
        <v>209</v>
      </c>
      <c r="B79" s="844"/>
      <c r="C79" s="845"/>
      <c r="D79" s="868"/>
      <c r="E79" s="869"/>
      <c r="F79" s="869"/>
      <c r="G79" s="869"/>
      <c r="H79" s="869"/>
      <c r="I79" s="869"/>
    </row>
    <row r="80" spans="1:11" ht="5.0999999999999996" customHeight="1" x14ac:dyDescent="0.2">
      <c r="A80" s="196"/>
      <c r="B80" s="196"/>
      <c r="C80" s="196"/>
      <c r="D80" s="195"/>
      <c r="E80" s="195"/>
      <c r="F80" s="195"/>
      <c r="G80" s="83"/>
      <c r="H80" s="83"/>
      <c r="I80" s="83"/>
    </row>
    <row r="81" spans="1:10" s="75" customFormat="1" ht="15" customHeight="1" x14ac:dyDescent="0.2">
      <c r="A81" s="866" t="s">
        <v>552</v>
      </c>
      <c r="B81" s="866"/>
      <c r="C81" s="857"/>
      <c r="D81" s="872" t="s">
        <v>208</v>
      </c>
      <c r="E81" s="866"/>
      <c r="F81" s="866"/>
      <c r="G81" s="866"/>
      <c r="H81" s="866"/>
      <c r="I81" s="866"/>
      <c r="J81" s="174"/>
    </row>
    <row r="82" spans="1:10" s="75" customFormat="1" ht="15" customHeight="1" x14ac:dyDescent="0.2">
      <c r="A82" s="867"/>
      <c r="B82" s="867"/>
      <c r="C82" s="849"/>
      <c r="D82" s="860">
        <v>2015</v>
      </c>
      <c r="E82" s="858"/>
      <c r="F82" s="859"/>
      <c r="G82" s="858">
        <v>2014</v>
      </c>
      <c r="H82" s="858"/>
      <c r="I82" s="858"/>
      <c r="J82" s="174"/>
    </row>
    <row r="83" spans="1:10" ht="10.5" x14ac:dyDescent="0.2">
      <c r="A83" s="870" t="s">
        <v>123</v>
      </c>
      <c r="B83" s="870"/>
      <c r="C83" s="871"/>
      <c r="D83" s="873">
        <v>0</v>
      </c>
      <c r="E83" s="874"/>
      <c r="F83" s="875"/>
      <c r="G83" s="873">
        <v>0</v>
      </c>
      <c r="H83" s="874"/>
      <c r="I83" s="874"/>
    </row>
    <row r="84" spans="1:10" ht="10.5" x14ac:dyDescent="0.2">
      <c r="A84" s="862" t="s">
        <v>124</v>
      </c>
      <c r="B84" s="862"/>
      <c r="C84" s="863"/>
      <c r="D84" s="835">
        <v>132162866.84999999</v>
      </c>
      <c r="E84" s="839"/>
      <c r="F84" s="836"/>
      <c r="G84" s="835">
        <v>28004968.050000001</v>
      </c>
      <c r="H84" s="839"/>
      <c r="I84" s="839"/>
    </row>
    <row r="85" spans="1:10" ht="10.5" x14ac:dyDescent="0.2">
      <c r="A85" s="862" t="s">
        <v>125</v>
      </c>
      <c r="B85" s="862"/>
      <c r="C85" s="863"/>
      <c r="D85" s="835">
        <v>856516.82000000775</v>
      </c>
      <c r="E85" s="839"/>
      <c r="F85" s="836"/>
      <c r="G85" s="835">
        <v>121660.59</v>
      </c>
      <c r="H85" s="839"/>
      <c r="I85" s="839"/>
    </row>
    <row r="86" spans="1:10" ht="10.5" x14ac:dyDescent="0.2">
      <c r="A86" s="864" t="s">
        <v>126</v>
      </c>
      <c r="B86" s="864"/>
      <c r="C86" s="865"/>
      <c r="D86" s="833">
        <v>0</v>
      </c>
      <c r="E86" s="834"/>
      <c r="F86" s="837"/>
      <c r="G86" s="833">
        <v>0</v>
      </c>
      <c r="H86" s="834"/>
      <c r="I86" s="834"/>
    </row>
    <row r="87" spans="1:10" ht="5.0999999999999996" customHeight="1" x14ac:dyDescent="0.2">
      <c r="A87" s="202"/>
      <c r="B87" s="202"/>
      <c r="C87" s="136"/>
      <c r="D87" s="861"/>
      <c r="E87" s="861"/>
      <c r="F87" s="197"/>
      <c r="G87" s="136"/>
      <c r="H87" s="83"/>
      <c r="I87" s="83"/>
    </row>
    <row r="88" spans="1:10" ht="15" customHeight="1" x14ac:dyDescent="0.15">
      <c r="A88" s="822" t="s">
        <v>145</v>
      </c>
      <c r="B88" s="876" t="s">
        <v>108</v>
      </c>
      <c r="C88" s="877"/>
      <c r="D88" s="876" t="s">
        <v>108</v>
      </c>
      <c r="E88" s="877"/>
      <c r="F88" s="872" t="s">
        <v>109</v>
      </c>
      <c r="G88" s="866"/>
      <c r="H88" s="866"/>
      <c r="I88" s="866"/>
    </row>
    <row r="89" spans="1:10" ht="15" customHeight="1" x14ac:dyDescent="0.2">
      <c r="A89" s="825"/>
      <c r="B89" s="846" t="s">
        <v>111</v>
      </c>
      <c r="C89" s="847"/>
      <c r="D89" s="850" t="s">
        <v>112</v>
      </c>
      <c r="E89" s="825"/>
      <c r="F89" s="820" t="s">
        <v>115</v>
      </c>
      <c r="G89" s="822"/>
      <c r="H89" s="820" t="s">
        <v>115</v>
      </c>
      <c r="I89" s="821"/>
    </row>
    <row r="90" spans="1:10" ht="15" customHeight="1" x14ac:dyDescent="0.2">
      <c r="A90" s="826"/>
      <c r="B90" s="848"/>
      <c r="C90" s="849"/>
      <c r="D90" s="851"/>
      <c r="E90" s="826"/>
      <c r="F90" s="848">
        <v>2015</v>
      </c>
      <c r="G90" s="849"/>
      <c r="H90" s="851">
        <v>2014</v>
      </c>
      <c r="I90" s="882"/>
    </row>
    <row r="91" spans="1:10" ht="11.25" customHeight="1" x14ac:dyDescent="0.2">
      <c r="A91" s="174" t="s">
        <v>147</v>
      </c>
      <c r="B91" s="741">
        <v>914247000</v>
      </c>
      <c r="C91" s="782">
        <v>0</v>
      </c>
      <c r="D91" s="741">
        <v>914247000</v>
      </c>
      <c r="E91" s="782">
        <v>0</v>
      </c>
      <c r="F91" s="747">
        <v>204847475.38000003</v>
      </c>
      <c r="G91" s="785">
        <v>0</v>
      </c>
      <c r="H91" s="747">
        <v>244004318.57999998</v>
      </c>
      <c r="I91" s="748">
        <v>0</v>
      </c>
    </row>
    <row r="92" spans="1:10" ht="11.25" customHeight="1" x14ac:dyDescent="0.2">
      <c r="A92" s="199" t="s">
        <v>178</v>
      </c>
      <c r="B92" s="731">
        <v>914247000</v>
      </c>
      <c r="C92" s="786"/>
      <c r="D92" s="731">
        <v>914247000</v>
      </c>
      <c r="E92" s="786"/>
      <c r="F92" s="731">
        <v>204847475.38000003</v>
      </c>
      <c r="G92" s="786"/>
      <c r="H92" s="731">
        <v>244004318.57999998</v>
      </c>
      <c r="I92" s="732"/>
    </row>
    <row r="93" spans="1:10" ht="11.25" customHeight="1" x14ac:dyDescent="0.2">
      <c r="A93" s="199" t="s">
        <v>146</v>
      </c>
      <c r="B93" s="731">
        <v>914247000</v>
      </c>
      <c r="C93" s="786"/>
      <c r="D93" s="731">
        <v>914247000</v>
      </c>
      <c r="E93" s="786"/>
      <c r="F93" s="731">
        <v>204847475.38000003</v>
      </c>
      <c r="G93" s="786"/>
      <c r="H93" s="731">
        <v>244004318.57999998</v>
      </c>
      <c r="I93" s="732"/>
    </row>
    <row r="94" spans="1:10" ht="11.25" customHeight="1" x14ac:dyDescent="0.2">
      <c r="A94" s="199" t="s">
        <v>283</v>
      </c>
      <c r="B94" s="731">
        <v>264247000</v>
      </c>
      <c r="C94" s="786"/>
      <c r="D94" s="731">
        <v>264247000</v>
      </c>
      <c r="E94" s="786"/>
      <c r="F94" s="731">
        <v>193733374.55000001</v>
      </c>
      <c r="G94" s="786"/>
      <c r="H94" s="731">
        <v>198831322.88999999</v>
      </c>
      <c r="I94" s="732"/>
    </row>
    <row r="95" spans="1:10" ht="11.25" customHeight="1" x14ac:dyDescent="0.2">
      <c r="A95" s="199" t="s">
        <v>129</v>
      </c>
      <c r="B95" s="731">
        <v>264247000</v>
      </c>
      <c r="C95" s="786"/>
      <c r="D95" s="731">
        <v>264247000</v>
      </c>
      <c r="E95" s="786"/>
      <c r="F95" s="731">
        <v>193733374.55000001</v>
      </c>
      <c r="G95" s="786"/>
      <c r="H95" s="731">
        <v>198831322.88999999</v>
      </c>
      <c r="I95" s="732"/>
    </row>
    <row r="96" spans="1:10" ht="11.25" customHeight="1" x14ac:dyDescent="0.2">
      <c r="A96" s="199" t="s">
        <v>130</v>
      </c>
      <c r="B96" s="731">
        <v>0</v>
      </c>
      <c r="C96" s="786"/>
      <c r="D96" s="731">
        <v>0</v>
      </c>
      <c r="E96" s="786"/>
      <c r="F96" s="731">
        <v>0</v>
      </c>
      <c r="G96" s="786"/>
      <c r="H96" s="731">
        <v>0</v>
      </c>
      <c r="I96" s="732"/>
    </row>
    <row r="97" spans="1:9" ht="11.25" customHeight="1" x14ac:dyDescent="0.2">
      <c r="A97" s="199" t="s">
        <v>131</v>
      </c>
      <c r="B97" s="731">
        <v>0</v>
      </c>
      <c r="C97" s="786"/>
      <c r="D97" s="731">
        <v>0</v>
      </c>
      <c r="E97" s="786"/>
      <c r="F97" s="731">
        <v>0</v>
      </c>
      <c r="G97" s="786"/>
      <c r="H97" s="731">
        <v>0</v>
      </c>
      <c r="I97" s="732"/>
    </row>
    <row r="98" spans="1:9" ht="11.25" customHeight="1" x14ac:dyDescent="0.2">
      <c r="A98" s="199" t="s">
        <v>284</v>
      </c>
      <c r="B98" s="731">
        <v>650000000</v>
      </c>
      <c r="C98" s="786"/>
      <c r="D98" s="731">
        <v>650000000</v>
      </c>
      <c r="E98" s="786"/>
      <c r="F98" s="731">
        <v>11114100.83</v>
      </c>
      <c r="G98" s="786"/>
      <c r="H98" s="731">
        <v>45172995.689999998</v>
      </c>
      <c r="I98" s="732"/>
    </row>
    <row r="99" spans="1:9" ht="11.25" customHeight="1" x14ac:dyDescent="0.2">
      <c r="A99" s="199" t="s">
        <v>132</v>
      </c>
      <c r="B99" s="731">
        <v>650000000</v>
      </c>
      <c r="C99" s="786"/>
      <c r="D99" s="731">
        <v>650000000</v>
      </c>
      <c r="E99" s="786"/>
      <c r="F99" s="731">
        <v>11114100.83</v>
      </c>
      <c r="G99" s="786"/>
      <c r="H99" s="731">
        <v>45172995.689999998</v>
      </c>
      <c r="I99" s="732"/>
    </row>
    <row r="100" spans="1:9" ht="11.25" customHeight="1" x14ac:dyDescent="0.2">
      <c r="A100" s="199" t="s">
        <v>133</v>
      </c>
      <c r="B100" s="731">
        <v>0</v>
      </c>
      <c r="C100" s="786"/>
      <c r="D100" s="731">
        <v>0</v>
      </c>
      <c r="E100" s="786"/>
      <c r="F100" s="731">
        <v>0</v>
      </c>
      <c r="G100" s="786"/>
      <c r="H100" s="731">
        <v>0</v>
      </c>
      <c r="I100" s="732"/>
    </row>
    <row r="101" spans="1:9" ht="11.25" customHeight="1" x14ac:dyDescent="0.2">
      <c r="A101" s="199" t="s">
        <v>748</v>
      </c>
      <c r="B101" s="731">
        <v>0</v>
      </c>
      <c r="C101" s="786"/>
      <c r="D101" s="731">
        <v>0</v>
      </c>
      <c r="E101" s="786"/>
      <c r="F101" s="731">
        <v>0</v>
      </c>
      <c r="G101" s="786"/>
      <c r="H101" s="731">
        <v>0</v>
      </c>
      <c r="I101" s="732"/>
    </row>
    <row r="102" spans="1:9" ht="11.25" customHeight="1" x14ac:dyDescent="0.2">
      <c r="A102" s="199" t="s">
        <v>768</v>
      </c>
      <c r="B102" s="731">
        <v>0</v>
      </c>
      <c r="C102" s="786"/>
      <c r="D102" s="731">
        <v>0</v>
      </c>
      <c r="E102" s="786"/>
      <c r="F102" s="731">
        <v>0</v>
      </c>
      <c r="G102" s="786"/>
      <c r="H102" s="731">
        <v>0</v>
      </c>
      <c r="I102" s="732"/>
    </row>
    <row r="103" spans="1:9" ht="11.25" customHeight="1" x14ac:dyDescent="0.2">
      <c r="A103" s="199" t="s">
        <v>769</v>
      </c>
      <c r="B103" s="731">
        <v>0</v>
      </c>
      <c r="C103" s="786"/>
      <c r="D103" s="731">
        <v>0</v>
      </c>
      <c r="E103" s="786"/>
      <c r="F103" s="731">
        <v>0</v>
      </c>
      <c r="G103" s="786"/>
      <c r="H103" s="731">
        <v>0</v>
      </c>
      <c r="I103" s="732"/>
    </row>
    <row r="104" spans="1:9" ht="11.25" customHeight="1" x14ac:dyDescent="0.2">
      <c r="A104" s="199" t="s">
        <v>179</v>
      </c>
      <c r="B104" s="731">
        <v>0</v>
      </c>
      <c r="C104" s="786"/>
      <c r="D104" s="731">
        <v>0</v>
      </c>
      <c r="E104" s="786"/>
      <c r="F104" s="731">
        <v>0</v>
      </c>
      <c r="G104" s="786"/>
      <c r="H104" s="731">
        <v>0</v>
      </c>
      <c r="I104" s="732"/>
    </row>
    <row r="105" spans="1:9" ht="11.25" customHeight="1" x14ac:dyDescent="0.2">
      <c r="A105" s="199" t="s">
        <v>186</v>
      </c>
      <c r="B105" s="731">
        <v>0</v>
      </c>
      <c r="C105" s="786"/>
      <c r="D105" s="731">
        <v>0</v>
      </c>
      <c r="E105" s="786"/>
      <c r="F105" s="731">
        <v>0</v>
      </c>
      <c r="G105" s="786"/>
      <c r="H105" s="731">
        <v>0</v>
      </c>
      <c r="I105" s="732"/>
    </row>
    <row r="106" spans="1:9" ht="11.25" customHeight="1" x14ac:dyDescent="0.2">
      <c r="A106" s="199" t="s">
        <v>183</v>
      </c>
      <c r="B106" s="731">
        <v>0</v>
      </c>
      <c r="C106" s="786"/>
      <c r="D106" s="731">
        <v>0</v>
      </c>
      <c r="E106" s="786"/>
      <c r="F106" s="731">
        <v>0</v>
      </c>
      <c r="G106" s="786"/>
      <c r="H106" s="731">
        <v>0</v>
      </c>
      <c r="I106" s="732"/>
    </row>
    <row r="107" spans="1:9" ht="11.25" customHeight="1" x14ac:dyDescent="0.2">
      <c r="A107" s="75" t="s">
        <v>148</v>
      </c>
      <c r="B107" s="731">
        <v>0</v>
      </c>
      <c r="C107" s="786">
        <v>0</v>
      </c>
      <c r="D107" s="731">
        <v>0</v>
      </c>
      <c r="E107" s="786">
        <v>0</v>
      </c>
      <c r="F107" s="731">
        <v>0</v>
      </c>
      <c r="G107" s="786">
        <v>0</v>
      </c>
      <c r="H107" s="731">
        <v>0</v>
      </c>
      <c r="I107" s="732">
        <v>0</v>
      </c>
    </row>
    <row r="108" spans="1:9" ht="11.25" customHeight="1" x14ac:dyDescent="0.2">
      <c r="A108" s="139" t="s">
        <v>812</v>
      </c>
      <c r="B108" s="731">
        <v>0</v>
      </c>
      <c r="C108" s="786"/>
      <c r="D108" s="731">
        <v>0</v>
      </c>
      <c r="E108" s="786"/>
      <c r="F108" s="731">
        <v>0</v>
      </c>
      <c r="G108" s="786"/>
      <c r="H108" s="731">
        <v>0</v>
      </c>
      <c r="I108" s="732"/>
    </row>
    <row r="109" spans="1:9" ht="11.25" customHeight="1" x14ac:dyDescent="0.2">
      <c r="A109" s="199" t="s">
        <v>814</v>
      </c>
      <c r="B109" s="731">
        <v>0</v>
      </c>
      <c r="C109" s="786"/>
      <c r="D109" s="731">
        <v>0</v>
      </c>
      <c r="E109" s="786"/>
      <c r="F109" s="731">
        <v>0</v>
      </c>
      <c r="G109" s="786"/>
      <c r="H109" s="731">
        <v>0</v>
      </c>
      <c r="I109" s="732"/>
    </row>
    <row r="110" spans="1:9" ht="11.25" customHeight="1" x14ac:dyDescent="0.2">
      <c r="A110" s="139" t="s">
        <v>813</v>
      </c>
      <c r="B110" s="731">
        <v>0</v>
      </c>
      <c r="C110" s="786"/>
      <c r="D110" s="731">
        <v>0</v>
      </c>
      <c r="E110" s="786"/>
      <c r="F110" s="731">
        <v>0</v>
      </c>
      <c r="G110" s="786"/>
      <c r="H110" s="731">
        <v>0</v>
      </c>
      <c r="I110" s="732"/>
    </row>
    <row r="111" spans="1:9" ht="11.25" customHeight="1" x14ac:dyDescent="0.2">
      <c r="A111" s="75"/>
      <c r="B111" s="731">
        <v>0</v>
      </c>
      <c r="C111" s="786"/>
      <c r="D111" s="731">
        <v>0</v>
      </c>
      <c r="E111" s="786"/>
      <c r="F111" s="731">
        <v>0</v>
      </c>
      <c r="G111" s="786"/>
      <c r="H111" s="731">
        <v>0</v>
      </c>
      <c r="I111" s="732"/>
    </row>
    <row r="112" spans="1:9" ht="26.25" customHeight="1" x14ac:dyDescent="0.2">
      <c r="A112" s="183" t="s">
        <v>767</v>
      </c>
      <c r="B112" s="757">
        <v>914247000</v>
      </c>
      <c r="C112" s="856"/>
      <c r="D112" s="757">
        <v>914247000</v>
      </c>
      <c r="E112" s="856"/>
      <c r="F112" s="757">
        <v>204847475.38000003</v>
      </c>
      <c r="G112" s="758"/>
      <c r="H112" s="757">
        <v>244004318.57999998</v>
      </c>
      <c r="I112" s="758"/>
    </row>
    <row r="113" spans="1:10" ht="5.0999999999999996" customHeight="1" x14ac:dyDescent="0.15">
      <c r="A113" s="217"/>
      <c r="B113" s="218"/>
      <c r="C113" s="218"/>
      <c r="D113" s="219"/>
      <c r="E113" s="219"/>
      <c r="F113" s="219"/>
      <c r="G113" s="220"/>
      <c r="H113" s="220"/>
      <c r="I113" s="220"/>
    </row>
    <row r="114" spans="1:10" ht="30" customHeight="1" x14ac:dyDescent="0.15">
      <c r="A114" s="840" t="s">
        <v>149</v>
      </c>
      <c r="B114" s="221" t="s">
        <v>157</v>
      </c>
      <c r="C114" s="221" t="s">
        <v>157</v>
      </c>
      <c r="D114" s="771" t="s">
        <v>158</v>
      </c>
      <c r="E114" s="773"/>
      <c r="F114" s="860" t="s">
        <v>159</v>
      </c>
      <c r="G114" s="859"/>
      <c r="H114" s="860" t="s">
        <v>348</v>
      </c>
      <c r="I114" s="858"/>
    </row>
    <row r="115" spans="1:10" ht="15" customHeight="1" x14ac:dyDescent="0.2">
      <c r="A115" s="841"/>
      <c r="B115" s="843" t="s">
        <v>111</v>
      </c>
      <c r="C115" s="843" t="s">
        <v>112</v>
      </c>
      <c r="D115" s="192" t="s">
        <v>115</v>
      </c>
      <c r="E115" s="192" t="s">
        <v>115</v>
      </c>
      <c r="F115" s="192" t="s">
        <v>115</v>
      </c>
      <c r="G115" s="192" t="s">
        <v>115</v>
      </c>
      <c r="H115" s="878" t="s">
        <v>745</v>
      </c>
      <c r="I115" s="872" t="s">
        <v>746</v>
      </c>
    </row>
    <row r="116" spans="1:10" ht="15" customHeight="1" x14ac:dyDescent="0.2">
      <c r="A116" s="842"/>
      <c r="B116" s="824"/>
      <c r="C116" s="824"/>
      <c r="D116" s="193">
        <v>2015</v>
      </c>
      <c r="E116" s="194">
        <v>2014</v>
      </c>
      <c r="F116" s="193">
        <v>2015</v>
      </c>
      <c r="G116" s="194">
        <v>2014</v>
      </c>
      <c r="H116" s="879"/>
      <c r="I116" s="848"/>
    </row>
    <row r="117" spans="1:10" s="75" customFormat="1" ht="11.25" customHeight="1" x14ac:dyDescent="0.2">
      <c r="A117" s="180" t="s">
        <v>150</v>
      </c>
      <c r="B117" s="335">
        <v>30000</v>
      </c>
      <c r="C117" s="335">
        <v>30000</v>
      </c>
      <c r="D117" s="335">
        <v>0</v>
      </c>
      <c r="E117" s="335">
        <v>0</v>
      </c>
      <c r="F117" s="335">
        <v>0</v>
      </c>
      <c r="G117" s="335">
        <v>0</v>
      </c>
      <c r="H117" s="335">
        <v>0</v>
      </c>
      <c r="I117" s="722">
        <v>0</v>
      </c>
      <c r="J117" s="174"/>
    </row>
    <row r="118" spans="1:10" ht="11.25" customHeight="1" x14ac:dyDescent="0.2">
      <c r="A118" s="32" t="s">
        <v>204</v>
      </c>
      <c r="B118" s="337">
        <v>30000</v>
      </c>
      <c r="C118" s="337">
        <v>30000</v>
      </c>
      <c r="D118" s="337"/>
      <c r="E118" s="337"/>
      <c r="F118" s="337"/>
      <c r="G118" s="337">
        <v>0</v>
      </c>
      <c r="H118" s="337"/>
      <c r="I118" s="346"/>
    </row>
    <row r="119" spans="1:10" ht="11.25" customHeight="1" x14ac:dyDescent="0.2">
      <c r="A119" s="33" t="s">
        <v>205</v>
      </c>
      <c r="B119" s="337"/>
      <c r="C119" s="337"/>
      <c r="D119" s="337"/>
      <c r="E119" s="337"/>
      <c r="F119" s="337"/>
      <c r="G119" s="337">
        <v>0</v>
      </c>
      <c r="H119" s="337"/>
      <c r="I119" s="346"/>
    </row>
    <row r="120" spans="1:10" ht="24.95" customHeight="1" x14ac:dyDescent="0.2">
      <c r="A120" s="559" t="s">
        <v>151</v>
      </c>
      <c r="B120" s="356">
        <v>30000</v>
      </c>
      <c r="C120" s="356">
        <v>30000</v>
      </c>
      <c r="D120" s="356">
        <v>0</v>
      </c>
      <c r="E120" s="356">
        <v>0</v>
      </c>
      <c r="F120" s="356">
        <v>0</v>
      </c>
      <c r="G120" s="356">
        <v>0</v>
      </c>
      <c r="H120" s="356">
        <v>0</v>
      </c>
      <c r="I120" s="365">
        <v>0</v>
      </c>
    </row>
    <row r="121" spans="1:10" ht="11.25" customHeight="1" x14ac:dyDescent="0.2">
      <c r="A121" s="301" t="s">
        <v>863</v>
      </c>
      <c r="I121" s="334"/>
    </row>
    <row r="122" spans="1:10" ht="11.25" customHeight="1" x14ac:dyDescent="0.2">
      <c r="A122" s="301"/>
    </row>
    <row r="126" spans="1:10" s="301" customFormat="1" ht="11.25" customHeight="1" x14ac:dyDescent="0.2">
      <c r="F126" s="240"/>
      <c r="I126" s="240"/>
      <c r="J126" s="240"/>
    </row>
    <row r="127" spans="1:10" s="301" customFormat="1" ht="11.25" customHeight="1" x14ac:dyDescent="0.2">
      <c r="F127" s="240"/>
      <c r="I127" s="240"/>
      <c r="J127" s="240"/>
    </row>
    <row r="129" spans="1:9" ht="11.25" customHeight="1" x14ac:dyDescent="0.2">
      <c r="A129" s="301"/>
      <c r="B129" s="301"/>
      <c r="C129" s="301"/>
      <c r="D129" s="301"/>
      <c r="E129" s="301"/>
      <c r="F129" s="240"/>
      <c r="G129" s="301"/>
      <c r="H129" s="301"/>
      <c r="I129" s="240"/>
    </row>
    <row r="130" spans="1:9" s="52" customFormat="1" ht="11.25" customHeight="1" x14ac:dyDescent="0.2"/>
    <row r="131" spans="1:9" s="52" customFormat="1" ht="11.25" customHeight="1" x14ac:dyDescent="0.2"/>
    <row r="132" spans="1:9" s="52" customFormat="1" ht="11.25" customHeight="1" x14ac:dyDescent="0.2"/>
    <row r="133" spans="1:9" s="52" customFormat="1" ht="11.25" customHeight="1" x14ac:dyDescent="0.2"/>
    <row r="134" spans="1:9" s="52" customFormat="1" ht="11.25" customHeight="1" x14ac:dyDescent="0.2"/>
    <row r="135" spans="1:9" s="52" customFormat="1" ht="11.25" customHeight="1" x14ac:dyDescent="0.2"/>
    <row r="136" spans="1:9" s="52" customFormat="1" ht="11.25" customHeight="1" x14ac:dyDescent="0.2"/>
  </sheetData>
  <customSheetViews>
    <customSheetView guid="{82EDB5A4-4824-4632-A540-7A52C92F04C7}" showPageBreaks="1" showGridLines="0" fitToPage="1" printArea="1">
      <selection activeCell="A122" sqref="A122"/>
      <pageMargins left="0.19685039370078741" right="0.19685039370078741" top="0.59055118110236227" bottom="0.19685039370078741" header="0" footer="0"/>
      <printOptions horizontalCentered="1"/>
      <pageSetup paperSize="9" scale="46" orientation="portrait" r:id="rId1"/>
      <headerFooter alignWithMargins="0"/>
    </customSheetView>
    <customSheetView guid="{3AAF6A5F-F9AA-430B-9AD9-1261ECDF41B5}" scale="90" showPageBreaks="1" showGridLines="0" fitToPage="1">
      <selection activeCell="A122" sqref="A122"/>
      <pageMargins left="0.39370078740157483" right="0.39370078740157483" top="0.98425196850393704" bottom="0.98425196850393704" header="0" footer="0.19685039370078741"/>
      <printOptions horizontalCentered="1"/>
      <pageSetup paperSize="9" scale="45" orientation="portrait" r:id="rId2"/>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3"/>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4"/>
      <headerFooter alignWithMargins="0"/>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1" orientation="portrait" r:id="rId5"/>
      <headerFooter alignWithMargins="0"/>
    </customSheetView>
    <customSheetView guid="{25EF1E0D-169B-4051-B414-7E1196FC05E4}" showPageBreaks="1" showGridLines="0" fitToPage="1" printArea="1" topLeftCell="B64">
      <selection activeCell="H93" sqref="H93:I93"/>
      <pageMargins left="0.19685039370078741" right="0.19685039370078741" top="0.19685039370078741" bottom="0.19685039370078741" header="0" footer="0"/>
      <printOptions horizontalCentered="1"/>
      <pageSetup paperSize="9" scale="45" orientation="portrait" r:id="rId6"/>
      <headerFooter alignWithMargins="0"/>
    </customSheetView>
    <customSheetView guid="{C779D862-DE28-46CD-A428-4AAA1056D1E1}" showPageBreaks="1" showGridLines="0" fitToPage="1" printArea="1">
      <selection activeCell="H93" sqref="H93:I93"/>
      <pageMargins left="0.19685039370078741" right="0.19685039370078741" top="0.59055118110236227" bottom="0.19685039370078741" header="0" footer="0"/>
      <printOptions horizontalCentered="1"/>
      <pageSetup paperSize="9" scale="45" orientation="portrait" r:id="rId7"/>
      <headerFooter alignWithMargins="0"/>
    </customSheetView>
  </customSheetViews>
  <mergeCells count="305">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A88:A90"/>
    <mergeCell ref="B88:C88"/>
    <mergeCell ref="D88:E88"/>
    <mergeCell ref="F88:I88"/>
    <mergeCell ref="B89:C90"/>
    <mergeCell ref="D89:E90"/>
    <mergeCell ref="F89:G89"/>
    <mergeCell ref="H89:I89"/>
    <mergeCell ref="F90:G90"/>
    <mergeCell ref="H90:I9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B22:C22"/>
    <mergeCell ref="D22:E22"/>
    <mergeCell ref="F22:G22"/>
    <mergeCell ref="H22:I22"/>
    <mergeCell ref="B23:C23"/>
    <mergeCell ref="D23:E23"/>
    <mergeCell ref="F23:G23"/>
    <mergeCell ref="H23:I23"/>
    <mergeCell ref="B24:C24"/>
    <mergeCell ref="D24:E24"/>
    <mergeCell ref="F24:G24"/>
    <mergeCell ref="H24:I24"/>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s>
  <printOptions horizontalCentered="1"/>
  <pageMargins left="0.19685039370078741" right="0.19685039370078741" top="0.59055118110236227" bottom="0.19685039370078741" header="0" footer="0"/>
  <pageSetup paperSize="9" scale="46"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pageSetUpPr fitToPage="1"/>
  </sheetPr>
  <dimension ref="A1:J136"/>
  <sheetViews>
    <sheetView showGridLines="0" zoomScaleNormal="100" workbookViewId="0"/>
  </sheetViews>
  <sheetFormatPr defaultColWidth="4.140625" defaultRowHeight="11.25" customHeight="1" x14ac:dyDescent="0.2"/>
  <cols>
    <col min="1" max="1" width="77.28515625" style="171" customWidth="1"/>
    <col min="2" max="3" width="20.140625" style="1" bestFit="1" customWidth="1"/>
    <col min="4" max="9" width="15.7109375" style="1" customWidth="1"/>
    <col min="10" max="10" width="4.140625" style="240"/>
    <col min="11" max="16384" width="4.140625" style="1"/>
  </cols>
  <sheetData>
    <row r="1" spans="1:10" s="29" customFormat="1" ht="11.25" customHeight="1" x14ac:dyDescent="0.2">
      <c r="A1" s="328"/>
      <c r="B1" s="328"/>
      <c r="C1" s="328"/>
      <c r="D1" s="328"/>
      <c r="E1" s="328"/>
      <c r="F1" s="328"/>
      <c r="G1" s="328"/>
      <c r="H1" s="328"/>
      <c r="I1" s="328"/>
      <c r="J1" s="128"/>
    </row>
    <row r="2" spans="1:10" s="29" customFormat="1" ht="11.25" customHeight="1" x14ac:dyDescent="0.2">
      <c r="A2" s="172"/>
      <c r="J2" s="128"/>
    </row>
    <row r="3" spans="1:10" s="52" customFormat="1" ht="10.5" x14ac:dyDescent="0.2">
      <c r="A3" s="762" t="s">
        <v>641</v>
      </c>
      <c r="B3" s="762"/>
      <c r="C3" s="762"/>
      <c r="D3" s="762"/>
      <c r="E3" s="762"/>
      <c r="F3" s="762"/>
      <c r="G3" s="762"/>
      <c r="H3" s="762"/>
      <c r="I3" s="762"/>
      <c r="J3" s="65"/>
    </row>
    <row r="4" spans="1:10" s="52" customFormat="1" ht="10.5" x14ac:dyDescent="0.2">
      <c r="A4" s="762" t="s">
        <v>105</v>
      </c>
      <c r="B4" s="762"/>
      <c r="C4" s="762"/>
      <c r="D4" s="762"/>
      <c r="E4" s="762"/>
      <c r="F4" s="762"/>
      <c r="G4" s="762"/>
      <c r="H4" s="762"/>
      <c r="I4" s="762"/>
      <c r="J4" s="65"/>
    </row>
    <row r="5" spans="1:10" s="52" customFormat="1" ht="10.5" x14ac:dyDescent="0.2">
      <c r="A5" s="762" t="s">
        <v>127</v>
      </c>
      <c r="B5" s="762"/>
      <c r="C5" s="762"/>
      <c r="D5" s="762"/>
      <c r="E5" s="762"/>
      <c r="F5" s="762"/>
      <c r="G5" s="762"/>
      <c r="H5" s="762"/>
      <c r="I5" s="762"/>
      <c r="J5" s="65"/>
    </row>
    <row r="6" spans="1:10" s="52" customFormat="1" ht="10.5" x14ac:dyDescent="0.2">
      <c r="A6" s="762" t="s">
        <v>744</v>
      </c>
      <c r="B6" s="762"/>
      <c r="C6" s="762"/>
      <c r="D6" s="762"/>
      <c r="E6" s="762"/>
      <c r="F6" s="762"/>
      <c r="G6" s="762"/>
      <c r="H6" s="762"/>
      <c r="I6" s="762"/>
      <c r="J6" s="65"/>
    </row>
    <row r="7" spans="1:10" s="52" customFormat="1" ht="10.5" x14ac:dyDescent="0.2">
      <c r="A7" s="762" t="s">
        <v>874</v>
      </c>
      <c r="B7" s="762"/>
      <c r="C7" s="762"/>
      <c r="D7" s="762"/>
      <c r="E7" s="762"/>
      <c r="F7" s="762"/>
      <c r="G7" s="762"/>
      <c r="H7" s="762"/>
      <c r="I7" s="762"/>
      <c r="J7" s="65"/>
    </row>
    <row r="8" spans="1:10" s="29" customFormat="1" ht="11.25" customHeight="1" x14ac:dyDescent="0.2">
      <c r="J8" s="128"/>
    </row>
    <row r="9" spans="1:10" s="29" customFormat="1" ht="10.5" x14ac:dyDescent="0.2">
      <c r="A9" s="29" t="s">
        <v>367</v>
      </c>
      <c r="F9" s="881"/>
      <c r="G9" s="881"/>
      <c r="I9" s="252">
        <v>1</v>
      </c>
      <c r="J9" s="128"/>
    </row>
    <row r="10" spans="1:10" ht="15" customHeight="1" x14ac:dyDescent="0.15">
      <c r="A10" s="822" t="s">
        <v>110</v>
      </c>
      <c r="B10" s="876" t="s">
        <v>108</v>
      </c>
      <c r="C10" s="877"/>
      <c r="D10" s="876" t="s">
        <v>108</v>
      </c>
      <c r="E10" s="877"/>
      <c r="F10" s="872" t="s">
        <v>109</v>
      </c>
      <c r="G10" s="866"/>
      <c r="H10" s="866"/>
      <c r="I10" s="866"/>
    </row>
    <row r="11" spans="1:10" ht="15" customHeight="1" x14ac:dyDescent="0.2">
      <c r="A11" s="825"/>
      <c r="B11" s="846" t="s">
        <v>111</v>
      </c>
      <c r="C11" s="847"/>
      <c r="D11" s="850" t="s">
        <v>112</v>
      </c>
      <c r="E11" s="825"/>
      <c r="F11" s="820" t="s">
        <v>115</v>
      </c>
      <c r="G11" s="822"/>
      <c r="H11" s="820" t="s">
        <v>115</v>
      </c>
      <c r="I11" s="821"/>
    </row>
    <row r="12" spans="1:10" ht="15" customHeight="1" x14ac:dyDescent="0.2">
      <c r="A12" s="826"/>
      <c r="B12" s="848"/>
      <c r="C12" s="849"/>
      <c r="D12" s="851"/>
      <c r="E12" s="826"/>
      <c r="F12" s="846">
        <v>2015</v>
      </c>
      <c r="G12" s="847"/>
      <c r="H12" s="850">
        <v>2014</v>
      </c>
      <c r="I12" s="852"/>
    </row>
    <row r="13" spans="1:10" s="75" customFormat="1" ht="10.5" x14ac:dyDescent="0.2">
      <c r="A13" s="174" t="s">
        <v>282</v>
      </c>
      <c r="B13" s="741">
        <v>15000000</v>
      </c>
      <c r="C13" s="782"/>
      <c r="D13" s="741">
        <v>27269561.579999998</v>
      </c>
      <c r="E13" s="782"/>
      <c r="F13" s="741">
        <v>13030775.9</v>
      </c>
      <c r="G13" s="782"/>
      <c r="H13" s="741">
        <v>4485573.66</v>
      </c>
      <c r="I13" s="742"/>
      <c r="J13" s="174"/>
    </row>
    <row r="14" spans="1:10" s="75" customFormat="1" ht="10.5" x14ac:dyDescent="0.2">
      <c r="A14" s="174" t="s">
        <v>8</v>
      </c>
      <c r="B14" s="747">
        <v>15000000</v>
      </c>
      <c r="C14" s="785">
        <v>0</v>
      </c>
      <c r="D14" s="747">
        <v>27269561.579999998</v>
      </c>
      <c r="E14" s="785">
        <v>0</v>
      </c>
      <c r="F14" s="747">
        <v>13030775.9</v>
      </c>
      <c r="G14" s="785">
        <v>0</v>
      </c>
      <c r="H14" s="747">
        <v>4485573.66</v>
      </c>
      <c r="I14" s="748">
        <v>0</v>
      </c>
      <c r="J14" s="174"/>
    </row>
    <row r="15" spans="1:10" ht="10.5" x14ac:dyDescent="0.2">
      <c r="A15" s="301" t="s">
        <v>128</v>
      </c>
      <c r="B15" s="731">
        <v>15000000</v>
      </c>
      <c r="C15" s="786">
        <v>0</v>
      </c>
      <c r="D15" s="731">
        <v>23461446.93</v>
      </c>
      <c r="E15" s="786">
        <v>0</v>
      </c>
      <c r="F15" s="731">
        <v>9222661.25</v>
      </c>
      <c r="G15" s="786">
        <v>0</v>
      </c>
      <c r="H15" s="731">
        <v>3642378.65</v>
      </c>
      <c r="I15" s="732">
        <v>0</v>
      </c>
    </row>
    <row r="16" spans="1:10" ht="10.5" x14ac:dyDescent="0.2">
      <c r="A16" s="301" t="s">
        <v>283</v>
      </c>
      <c r="B16" s="731">
        <v>6000000</v>
      </c>
      <c r="C16" s="786">
        <v>0</v>
      </c>
      <c r="D16" s="731">
        <v>14461446.93</v>
      </c>
      <c r="E16" s="786">
        <v>0</v>
      </c>
      <c r="F16" s="731">
        <v>8461446.9299999997</v>
      </c>
      <c r="G16" s="786">
        <v>0</v>
      </c>
      <c r="H16" s="731">
        <v>3594813.87</v>
      </c>
      <c r="I16" s="732">
        <v>0</v>
      </c>
    </row>
    <row r="17" spans="1:9" ht="10.5" x14ac:dyDescent="0.2">
      <c r="A17" s="301" t="s">
        <v>129</v>
      </c>
      <c r="B17" s="731">
        <v>0</v>
      </c>
      <c r="C17" s="786"/>
      <c r="D17" s="731">
        <v>8461446.9299999997</v>
      </c>
      <c r="E17" s="786"/>
      <c r="F17" s="731">
        <v>8461446.9299999997</v>
      </c>
      <c r="G17" s="786"/>
      <c r="H17" s="731">
        <v>3594813.87</v>
      </c>
      <c r="I17" s="732"/>
    </row>
    <row r="18" spans="1:9" ht="10.5" x14ac:dyDescent="0.2">
      <c r="A18" s="301" t="s">
        <v>130</v>
      </c>
      <c r="B18" s="731">
        <v>5000000</v>
      </c>
      <c r="C18" s="786"/>
      <c r="D18" s="731">
        <v>5000000</v>
      </c>
      <c r="E18" s="786"/>
      <c r="F18" s="731">
        <v>0</v>
      </c>
      <c r="G18" s="786"/>
      <c r="H18" s="731">
        <v>0</v>
      </c>
      <c r="I18" s="732"/>
    </row>
    <row r="19" spans="1:9" ht="10.5" x14ac:dyDescent="0.2">
      <c r="A19" s="301" t="s">
        <v>131</v>
      </c>
      <c r="B19" s="731">
        <v>1000000</v>
      </c>
      <c r="C19" s="786"/>
      <c r="D19" s="731">
        <v>1000000</v>
      </c>
      <c r="E19" s="786"/>
      <c r="F19" s="731">
        <v>0</v>
      </c>
      <c r="G19" s="786"/>
      <c r="H19" s="731">
        <v>0</v>
      </c>
      <c r="I19" s="732"/>
    </row>
    <row r="20" spans="1:9" ht="10.5" x14ac:dyDescent="0.2">
      <c r="A20" s="301" t="s">
        <v>284</v>
      </c>
      <c r="B20" s="731">
        <v>9000000</v>
      </c>
      <c r="C20" s="786">
        <v>0</v>
      </c>
      <c r="D20" s="731">
        <v>9000000</v>
      </c>
      <c r="E20" s="786">
        <v>0</v>
      </c>
      <c r="F20" s="731">
        <v>761214.32</v>
      </c>
      <c r="G20" s="786">
        <v>0</v>
      </c>
      <c r="H20" s="731">
        <v>47564.78</v>
      </c>
      <c r="I20" s="732">
        <v>0</v>
      </c>
    </row>
    <row r="21" spans="1:9" ht="10.5" x14ac:dyDescent="0.2">
      <c r="A21" s="301" t="s">
        <v>132</v>
      </c>
      <c r="B21" s="731">
        <v>8000000</v>
      </c>
      <c r="C21" s="786"/>
      <c r="D21" s="731">
        <v>8000000</v>
      </c>
      <c r="E21" s="786"/>
      <c r="F21" s="731">
        <v>761214.32</v>
      </c>
      <c r="G21" s="786"/>
      <c r="H21" s="731">
        <v>47564.78</v>
      </c>
      <c r="I21" s="732"/>
    </row>
    <row r="22" spans="1:9" ht="10.5" x14ac:dyDescent="0.2">
      <c r="A22" s="301" t="s">
        <v>133</v>
      </c>
      <c r="B22" s="731">
        <v>1000000</v>
      </c>
      <c r="C22" s="786"/>
      <c r="D22" s="731">
        <v>1000000</v>
      </c>
      <c r="E22" s="786"/>
      <c r="F22" s="731">
        <v>0</v>
      </c>
      <c r="G22" s="786"/>
      <c r="H22" s="731">
        <v>0</v>
      </c>
      <c r="I22" s="732"/>
    </row>
    <row r="23" spans="1:9" ht="10.5" x14ac:dyDescent="0.2">
      <c r="A23" s="301" t="s">
        <v>748</v>
      </c>
      <c r="B23" s="731"/>
      <c r="C23" s="786"/>
      <c r="D23" s="731">
        <v>0</v>
      </c>
      <c r="E23" s="786"/>
      <c r="F23" s="731">
        <v>0</v>
      </c>
      <c r="G23" s="786"/>
      <c r="H23" s="731">
        <v>0</v>
      </c>
      <c r="I23" s="732"/>
    </row>
    <row r="24" spans="1:9" ht="10.5" x14ac:dyDescent="0.2">
      <c r="A24" s="301" t="s">
        <v>155</v>
      </c>
      <c r="B24" s="731"/>
      <c r="C24" s="786"/>
      <c r="D24" s="731">
        <v>569640.47</v>
      </c>
      <c r="E24" s="786"/>
      <c r="F24" s="731">
        <v>569640.47</v>
      </c>
      <c r="G24" s="786"/>
      <c r="H24" s="731">
        <v>5339.68</v>
      </c>
      <c r="I24" s="732"/>
    </row>
    <row r="25" spans="1:9" ht="10.5" x14ac:dyDescent="0.2">
      <c r="A25" s="301" t="s">
        <v>312</v>
      </c>
      <c r="B25" s="731">
        <v>0</v>
      </c>
      <c r="C25" s="786">
        <v>0</v>
      </c>
      <c r="D25" s="731">
        <v>3238474.18</v>
      </c>
      <c r="E25" s="786">
        <v>0</v>
      </c>
      <c r="F25" s="731">
        <v>3238474.18</v>
      </c>
      <c r="G25" s="786">
        <v>0</v>
      </c>
      <c r="H25" s="731">
        <v>837855.33</v>
      </c>
      <c r="I25" s="732">
        <v>0</v>
      </c>
    </row>
    <row r="26" spans="1:9" ht="10.5" x14ac:dyDescent="0.2">
      <c r="A26" s="301" t="s">
        <v>16</v>
      </c>
      <c r="B26" s="731"/>
      <c r="C26" s="786"/>
      <c r="D26" s="731">
        <v>0</v>
      </c>
      <c r="E26" s="786"/>
      <c r="F26" s="731">
        <v>0</v>
      </c>
      <c r="G26" s="786"/>
      <c r="H26" s="731">
        <v>837855.33</v>
      </c>
      <c r="I26" s="732"/>
    </row>
    <row r="27" spans="1:9" ht="10.5" x14ac:dyDescent="0.2">
      <c r="A27" s="301" t="s">
        <v>17</v>
      </c>
      <c r="B27" s="731"/>
      <c r="C27" s="786"/>
      <c r="D27" s="731">
        <v>3238474.18</v>
      </c>
      <c r="E27" s="786"/>
      <c r="F27" s="731">
        <v>3238474.18</v>
      </c>
      <c r="G27" s="786"/>
      <c r="H27" s="731">
        <v>0</v>
      </c>
      <c r="I27" s="732"/>
    </row>
    <row r="28" spans="1:9" ht="10.5" x14ac:dyDescent="0.2">
      <c r="A28" s="301" t="s">
        <v>19</v>
      </c>
      <c r="B28" s="731"/>
      <c r="C28" s="786"/>
      <c r="D28" s="731">
        <v>0</v>
      </c>
      <c r="E28" s="786"/>
      <c r="F28" s="731">
        <v>0</v>
      </c>
      <c r="G28" s="786"/>
      <c r="H28" s="731"/>
      <c r="I28" s="732"/>
    </row>
    <row r="29" spans="1:9" ht="10.5" x14ac:dyDescent="0.2">
      <c r="A29" s="301" t="s">
        <v>227</v>
      </c>
      <c r="B29" s="731"/>
      <c r="C29" s="786"/>
      <c r="D29" s="731">
        <v>0</v>
      </c>
      <c r="E29" s="786"/>
      <c r="F29" s="731">
        <v>0</v>
      </c>
      <c r="G29" s="786"/>
      <c r="H29" s="731"/>
      <c r="I29" s="732"/>
    </row>
    <row r="30" spans="1:9" ht="10.5" x14ac:dyDescent="0.2">
      <c r="A30" s="63" t="s">
        <v>285</v>
      </c>
      <c r="B30" s="731">
        <v>0</v>
      </c>
      <c r="C30" s="786">
        <v>0</v>
      </c>
      <c r="D30" s="731">
        <v>0</v>
      </c>
      <c r="E30" s="786">
        <v>0</v>
      </c>
      <c r="F30" s="731">
        <v>0</v>
      </c>
      <c r="G30" s="786">
        <v>0</v>
      </c>
      <c r="H30" s="731">
        <v>0</v>
      </c>
      <c r="I30" s="732">
        <v>0</v>
      </c>
    </row>
    <row r="31" spans="1:9" ht="10.5" x14ac:dyDescent="0.2">
      <c r="A31" s="139" t="s">
        <v>546</v>
      </c>
      <c r="B31" s="731"/>
      <c r="C31" s="786"/>
      <c r="D31" s="731">
        <v>0</v>
      </c>
      <c r="E31" s="786"/>
      <c r="F31" s="731">
        <v>0</v>
      </c>
      <c r="G31" s="786"/>
      <c r="H31" s="731"/>
      <c r="I31" s="732"/>
    </row>
    <row r="32" spans="1:9" ht="10.5" x14ac:dyDescent="0.2">
      <c r="A32" s="139" t="s">
        <v>547</v>
      </c>
      <c r="B32" s="731"/>
      <c r="C32" s="786"/>
      <c r="D32" s="731">
        <v>0</v>
      </c>
      <c r="E32" s="786"/>
      <c r="F32" s="731">
        <v>0</v>
      </c>
      <c r="G32" s="786"/>
      <c r="H32" s="731"/>
      <c r="I32" s="732"/>
    </row>
    <row r="33" spans="1:10" s="75" customFormat="1" ht="10.5" x14ac:dyDescent="0.2">
      <c r="A33" s="175" t="s">
        <v>40</v>
      </c>
      <c r="B33" s="731">
        <v>0</v>
      </c>
      <c r="C33" s="786">
        <v>0</v>
      </c>
      <c r="D33" s="731">
        <v>0</v>
      </c>
      <c r="E33" s="786">
        <v>0</v>
      </c>
      <c r="F33" s="731">
        <v>0</v>
      </c>
      <c r="G33" s="786">
        <v>0</v>
      </c>
      <c r="H33" s="731">
        <v>0</v>
      </c>
      <c r="I33" s="732">
        <v>0</v>
      </c>
      <c r="J33" s="174"/>
    </row>
    <row r="34" spans="1:10" ht="10.5" x14ac:dyDescent="0.2">
      <c r="A34" s="139" t="s">
        <v>120</v>
      </c>
      <c r="B34" s="731"/>
      <c r="C34" s="786"/>
      <c r="D34" s="731">
        <v>0</v>
      </c>
      <c r="E34" s="786"/>
      <c r="F34" s="731">
        <v>0</v>
      </c>
      <c r="G34" s="786"/>
      <c r="H34" s="731"/>
      <c r="I34" s="732"/>
    </row>
    <row r="35" spans="1:10" ht="10.5" x14ac:dyDescent="0.2">
      <c r="A35" s="301" t="s">
        <v>228</v>
      </c>
      <c r="B35" s="731"/>
      <c r="C35" s="786"/>
      <c r="D35" s="731">
        <v>0</v>
      </c>
      <c r="E35" s="786"/>
      <c r="F35" s="731">
        <v>0</v>
      </c>
      <c r="G35" s="786"/>
      <c r="H35" s="731"/>
      <c r="I35" s="732"/>
    </row>
    <row r="36" spans="1:10" ht="10.5" x14ac:dyDescent="0.2">
      <c r="A36" s="139" t="s">
        <v>286</v>
      </c>
      <c r="B36" s="731"/>
      <c r="C36" s="786"/>
      <c r="D36" s="731">
        <v>0</v>
      </c>
      <c r="E36" s="786"/>
      <c r="F36" s="731">
        <v>0</v>
      </c>
      <c r="G36" s="786"/>
      <c r="H36" s="731"/>
      <c r="I36" s="732"/>
    </row>
    <row r="37" spans="1:10" s="171" customFormat="1" ht="10.5" x14ac:dyDescent="0.2">
      <c r="A37" s="75"/>
      <c r="B37" s="731"/>
      <c r="C37" s="786"/>
      <c r="D37" s="731">
        <v>0</v>
      </c>
      <c r="E37" s="786"/>
      <c r="F37" s="731">
        <v>0</v>
      </c>
      <c r="G37" s="786"/>
      <c r="H37" s="731"/>
      <c r="I37" s="732"/>
      <c r="J37" s="240"/>
    </row>
    <row r="38" spans="1:10" s="75" customFormat="1" ht="15" customHeight="1" x14ac:dyDescent="0.2">
      <c r="A38" s="176" t="s">
        <v>548</v>
      </c>
      <c r="B38" s="791">
        <v>15495000</v>
      </c>
      <c r="C38" s="880"/>
      <c r="D38" s="791">
        <v>21719678.140000001</v>
      </c>
      <c r="E38" s="880"/>
      <c r="F38" s="791">
        <v>19719678.140000001</v>
      </c>
      <c r="G38" s="880"/>
      <c r="H38" s="791">
        <v>7325890.8700000001</v>
      </c>
      <c r="I38" s="792"/>
      <c r="J38" s="174"/>
    </row>
    <row r="39" spans="1:10" ht="18.75" customHeight="1" x14ac:dyDescent="0.2">
      <c r="A39" s="140" t="s">
        <v>766</v>
      </c>
      <c r="B39" s="757">
        <v>30495000</v>
      </c>
      <c r="C39" s="856">
        <v>0</v>
      </c>
      <c r="D39" s="757">
        <v>48989239.719999999</v>
      </c>
      <c r="E39" s="856">
        <v>0</v>
      </c>
      <c r="F39" s="827">
        <v>32750454.039999999</v>
      </c>
      <c r="G39" s="828">
        <v>0</v>
      </c>
      <c r="H39" s="757">
        <v>11811464.530000001</v>
      </c>
      <c r="I39" s="758">
        <v>0</v>
      </c>
    </row>
    <row r="40" spans="1:10" ht="10.5" x14ac:dyDescent="0.2">
      <c r="A40" s="141"/>
      <c r="B40" s="138"/>
      <c r="C40" s="138"/>
      <c r="D40" s="16"/>
      <c r="E40" s="138"/>
      <c r="F40" s="83"/>
      <c r="G40" s="83"/>
      <c r="H40" s="28"/>
      <c r="I40" s="28"/>
    </row>
    <row r="41" spans="1:10" ht="30" customHeight="1" x14ac:dyDescent="0.15">
      <c r="A41" s="822" t="s">
        <v>160</v>
      </c>
      <c r="B41" s="221" t="s">
        <v>157</v>
      </c>
      <c r="C41" s="221" t="s">
        <v>157</v>
      </c>
      <c r="D41" s="771" t="s">
        <v>158</v>
      </c>
      <c r="E41" s="773"/>
      <c r="F41" s="860" t="s">
        <v>159</v>
      </c>
      <c r="G41" s="859"/>
      <c r="H41" s="860" t="s">
        <v>348</v>
      </c>
      <c r="I41" s="858"/>
    </row>
    <row r="42" spans="1:10" ht="15" customHeight="1" x14ac:dyDescent="0.2">
      <c r="A42" s="825"/>
      <c r="B42" s="843" t="s">
        <v>111</v>
      </c>
      <c r="C42" s="843" t="s">
        <v>112</v>
      </c>
      <c r="D42" s="347" t="s">
        <v>115</v>
      </c>
      <c r="E42" s="347" t="s">
        <v>115</v>
      </c>
      <c r="F42" s="347" t="s">
        <v>115</v>
      </c>
      <c r="G42" s="347" t="s">
        <v>115</v>
      </c>
      <c r="H42" s="878" t="s">
        <v>745</v>
      </c>
      <c r="I42" s="872" t="s">
        <v>746</v>
      </c>
    </row>
    <row r="43" spans="1:10" ht="15" customHeight="1" x14ac:dyDescent="0.2">
      <c r="A43" s="826"/>
      <c r="B43" s="824"/>
      <c r="C43" s="824"/>
      <c r="D43" s="352">
        <v>2015</v>
      </c>
      <c r="E43" s="351">
        <v>2014</v>
      </c>
      <c r="F43" s="352">
        <v>2015</v>
      </c>
      <c r="G43" s="351">
        <v>2014</v>
      </c>
      <c r="H43" s="879"/>
      <c r="I43" s="848"/>
    </row>
    <row r="44" spans="1:10" s="75" customFormat="1" ht="10.5" x14ac:dyDescent="0.2">
      <c r="A44" s="177" t="s">
        <v>134</v>
      </c>
      <c r="B44" s="335">
        <v>30495000</v>
      </c>
      <c r="C44" s="335">
        <v>3474800</v>
      </c>
      <c r="D44" s="335">
        <v>679021.15</v>
      </c>
      <c r="E44" s="335">
        <v>365627</v>
      </c>
      <c r="F44" s="335">
        <v>205147.09</v>
      </c>
      <c r="G44" s="335">
        <v>313816.40999999997</v>
      </c>
      <c r="H44" s="335">
        <v>0</v>
      </c>
      <c r="I44" s="336">
        <v>0</v>
      </c>
      <c r="J44" s="174"/>
    </row>
    <row r="45" spans="1:10" s="75" customFormat="1" ht="10.5" x14ac:dyDescent="0.2">
      <c r="A45" s="75" t="s">
        <v>281</v>
      </c>
      <c r="B45" s="337">
        <v>28960200</v>
      </c>
      <c r="C45" s="337">
        <v>306000</v>
      </c>
      <c r="D45" s="337">
        <v>0</v>
      </c>
      <c r="E45" s="337">
        <v>0</v>
      </c>
      <c r="F45" s="337">
        <v>0</v>
      </c>
      <c r="G45" s="337">
        <v>0</v>
      </c>
      <c r="H45" s="337">
        <v>0</v>
      </c>
      <c r="I45" s="338">
        <v>0</v>
      </c>
      <c r="J45" s="174"/>
    </row>
    <row r="46" spans="1:10" ht="10.5" x14ac:dyDescent="0.2">
      <c r="A46" s="29" t="s">
        <v>287</v>
      </c>
      <c r="B46" s="337">
        <v>28960200</v>
      </c>
      <c r="C46" s="337">
        <v>306000</v>
      </c>
      <c r="D46" s="337">
        <v>0</v>
      </c>
      <c r="E46" s="337">
        <v>0</v>
      </c>
      <c r="F46" s="337">
        <v>0</v>
      </c>
      <c r="G46" s="337"/>
      <c r="H46" s="337">
        <v>0</v>
      </c>
      <c r="I46" s="338">
        <v>0</v>
      </c>
    </row>
    <row r="47" spans="1:10" ht="10.5" x14ac:dyDescent="0.2">
      <c r="A47" s="29" t="s">
        <v>288</v>
      </c>
      <c r="B47" s="337">
        <v>0</v>
      </c>
      <c r="C47" s="337">
        <v>0</v>
      </c>
      <c r="D47" s="337">
        <v>0</v>
      </c>
      <c r="E47" s="337">
        <v>0</v>
      </c>
      <c r="F47" s="337">
        <v>0</v>
      </c>
      <c r="G47" s="337"/>
      <c r="H47" s="337">
        <v>0</v>
      </c>
      <c r="I47" s="338">
        <v>0</v>
      </c>
    </row>
    <row r="48" spans="1:10" s="75" customFormat="1" ht="10.5" x14ac:dyDescent="0.2">
      <c r="A48" s="328" t="s">
        <v>135</v>
      </c>
      <c r="B48" s="344">
        <v>1534800</v>
      </c>
      <c r="C48" s="344">
        <v>3168800</v>
      </c>
      <c r="D48" s="344">
        <v>679021.15</v>
      </c>
      <c r="E48" s="344">
        <v>365627</v>
      </c>
      <c r="F48" s="344">
        <v>205147.09</v>
      </c>
      <c r="G48" s="344">
        <v>313816.40999999997</v>
      </c>
      <c r="H48" s="344">
        <v>0</v>
      </c>
      <c r="I48" s="354">
        <v>0</v>
      </c>
      <c r="J48" s="174"/>
    </row>
    <row r="49" spans="1:10" ht="10.5" x14ac:dyDescent="0.2">
      <c r="A49" s="29" t="s">
        <v>201</v>
      </c>
      <c r="B49" s="337">
        <v>632400</v>
      </c>
      <c r="C49" s="337">
        <v>3168800</v>
      </c>
      <c r="D49" s="337">
        <v>679021.15</v>
      </c>
      <c r="E49" s="337">
        <v>365627</v>
      </c>
      <c r="F49" s="337">
        <v>205147.09</v>
      </c>
      <c r="G49" s="337">
        <v>313816.40999999997</v>
      </c>
      <c r="H49" s="337">
        <v>0</v>
      </c>
      <c r="I49" s="338">
        <v>0</v>
      </c>
    </row>
    <row r="50" spans="1:10" ht="10.5" x14ac:dyDescent="0.2">
      <c r="A50" s="29" t="s">
        <v>289</v>
      </c>
      <c r="B50" s="337">
        <v>74400</v>
      </c>
      <c r="C50" s="337">
        <v>2489778.85</v>
      </c>
      <c r="D50" s="337">
        <v>0</v>
      </c>
      <c r="E50" s="337">
        <v>0</v>
      </c>
      <c r="F50" s="337">
        <v>0</v>
      </c>
      <c r="G50" s="337">
        <v>0</v>
      </c>
      <c r="H50" s="337">
        <v>0</v>
      </c>
      <c r="I50" s="338">
        <v>0</v>
      </c>
    </row>
    <row r="51" spans="1:10" ht="10.5" x14ac:dyDescent="0.15">
      <c r="A51" s="29" t="s">
        <v>290</v>
      </c>
      <c r="B51" s="612">
        <v>78000</v>
      </c>
      <c r="C51" s="337">
        <v>30000</v>
      </c>
      <c r="D51" s="337">
        <v>30000</v>
      </c>
      <c r="E51" s="337">
        <v>0</v>
      </c>
      <c r="F51" s="337">
        <v>1969.78</v>
      </c>
      <c r="G51" s="337">
        <v>0</v>
      </c>
      <c r="H51" s="337">
        <v>0</v>
      </c>
      <c r="I51" s="338">
        <v>0</v>
      </c>
    </row>
    <row r="52" spans="1:10" ht="10.5" x14ac:dyDescent="0.15">
      <c r="A52" s="29" t="s">
        <v>291</v>
      </c>
      <c r="B52" s="364">
        <v>480000</v>
      </c>
      <c r="C52" s="337">
        <v>649021.15</v>
      </c>
      <c r="D52" s="337">
        <v>649021.15</v>
      </c>
      <c r="E52" s="337">
        <v>365627</v>
      </c>
      <c r="F52" s="337">
        <v>203177.31</v>
      </c>
      <c r="G52" s="337">
        <v>313816.40999999997</v>
      </c>
      <c r="H52" s="337">
        <v>0</v>
      </c>
      <c r="I52" s="338"/>
    </row>
    <row r="53" spans="1:10" ht="10.5" x14ac:dyDescent="0.2">
      <c r="A53" s="29" t="s">
        <v>202</v>
      </c>
      <c r="B53" s="243">
        <v>902400</v>
      </c>
      <c r="C53" s="337">
        <v>0</v>
      </c>
      <c r="D53" s="337">
        <v>0</v>
      </c>
      <c r="E53" s="337">
        <v>0</v>
      </c>
      <c r="F53" s="337">
        <v>0</v>
      </c>
      <c r="G53" s="337">
        <v>0</v>
      </c>
      <c r="H53" s="337">
        <v>0</v>
      </c>
      <c r="I53" s="338">
        <v>0</v>
      </c>
    </row>
    <row r="54" spans="1:10" ht="10.5" x14ac:dyDescent="0.15">
      <c r="A54" s="29" t="s">
        <v>292</v>
      </c>
      <c r="B54" s="364">
        <v>44400</v>
      </c>
      <c r="C54" s="337">
        <v>0</v>
      </c>
      <c r="D54" s="337">
        <v>0</v>
      </c>
      <c r="E54" s="337">
        <v>0</v>
      </c>
      <c r="F54" s="337">
        <v>0</v>
      </c>
      <c r="G54" s="337">
        <v>0</v>
      </c>
      <c r="H54" s="337">
        <v>0</v>
      </c>
      <c r="I54" s="338">
        <v>0</v>
      </c>
    </row>
    <row r="55" spans="1:10" ht="10.5" x14ac:dyDescent="0.15">
      <c r="A55" s="29" t="s">
        <v>290</v>
      </c>
      <c r="B55" s="364">
        <v>18000</v>
      </c>
      <c r="C55" s="337">
        <v>0</v>
      </c>
      <c r="D55" s="337">
        <v>0</v>
      </c>
      <c r="E55" s="337">
        <v>0</v>
      </c>
      <c r="F55" s="337">
        <v>0</v>
      </c>
      <c r="G55" s="337">
        <v>0</v>
      </c>
      <c r="H55" s="337">
        <v>0</v>
      </c>
      <c r="I55" s="338">
        <v>0</v>
      </c>
    </row>
    <row r="56" spans="1:10" ht="10.5" x14ac:dyDescent="0.15">
      <c r="A56" s="29" t="s">
        <v>291</v>
      </c>
      <c r="B56" s="364">
        <v>840000</v>
      </c>
      <c r="C56" s="337">
        <v>0</v>
      </c>
      <c r="D56" s="337">
        <v>0</v>
      </c>
      <c r="E56" s="337">
        <v>0</v>
      </c>
      <c r="F56" s="337">
        <v>0</v>
      </c>
      <c r="G56" s="337">
        <v>0</v>
      </c>
      <c r="H56" s="337">
        <v>0</v>
      </c>
      <c r="I56" s="338">
        <v>0</v>
      </c>
    </row>
    <row r="57" spans="1:10" ht="10.5" x14ac:dyDescent="0.2">
      <c r="A57" s="29" t="s">
        <v>293</v>
      </c>
      <c r="B57" s="243">
        <v>0</v>
      </c>
      <c r="C57" s="337">
        <v>0</v>
      </c>
      <c r="D57" s="337">
        <v>0</v>
      </c>
      <c r="E57" s="337">
        <v>0</v>
      </c>
      <c r="F57" s="337">
        <v>0</v>
      </c>
      <c r="G57" s="337">
        <v>0</v>
      </c>
      <c r="H57" s="337">
        <v>0</v>
      </c>
      <c r="I57" s="338">
        <v>0</v>
      </c>
    </row>
    <row r="58" spans="1:10" ht="10.5" x14ac:dyDescent="0.15">
      <c r="A58" s="29" t="s">
        <v>229</v>
      </c>
      <c r="B58" s="364">
        <v>0</v>
      </c>
      <c r="C58" s="337">
        <v>0</v>
      </c>
      <c r="D58" s="337">
        <v>0</v>
      </c>
      <c r="E58" s="337">
        <v>0</v>
      </c>
      <c r="F58" s="337">
        <v>0</v>
      </c>
      <c r="G58" s="337">
        <v>0</v>
      </c>
      <c r="H58" s="337">
        <v>0</v>
      </c>
      <c r="I58" s="338">
        <v>0</v>
      </c>
    </row>
    <row r="59" spans="1:10" ht="10.5" x14ac:dyDescent="0.15">
      <c r="A59" s="29" t="s">
        <v>60</v>
      </c>
      <c r="B59" s="364">
        <v>0</v>
      </c>
      <c r="C59" s="337">
        <v>0</v>
      </c>
      <c r="D59" s="337">
        <v>0</v>
      </c>
      <c r="E59" s="337">
        <v>0</v>
      </c>
      <c r="F59" s="337">
        <v>0</v>
      </c>
      <c r="G59" s="337">
        <v>0</v>
      </c>
      <c r="H59" s="337">
        <v>0</v>
      </c>
      <c r="I59" s="338">
        <v>0</v>
      </c>
    </row>
    <row r="60" spans="1:10" s="75" customFormat="1" ht="15" customHeight="1" x14ac:dyDescent="0.2">
      <c r="A60" s="368" t="s">
        <v>549</v>
      </c>
      <c r="B60" s="367">
        <v>0</v>
      </c>
      <c r="C60" s="344">
        <v>0</v>
      </c>
      <c r="D60" s="344">
        <v>0</v>
      </c>
      <c r="E60" s="344">
        <v>0</v>
      </c>
      <c r="F60" s="344">
        <v>0</v>
      </c>
      <c r="G60" s="344">
        <v>0</v>
      </c>
      <c r="H60" s="344">
        <v>0</v>
      </c>
      <c r="I60" s="354">
        <v>0</v>
      </c>
      <c r="J60" s="174"/>
    </row>
    <row r="61" spans="1:10" s="75" customFormat="1" ht="15" customHeight="1" x14ac:dyDescent="0.2">
      <c r="A61" s="30" t="s">
        <v>749</v>
      </c>
      <c r="B61" s="356">
        <v>30495000</v>
      </c>
      <c r="C61" s="356">
        <v>3474800</v>
      </c>
      <c r="D61" s="356">
        <v>679021.15</v>
      </c>
      <c r="E61" s="356">
        <v>365627</v>
      </c>
      <c r="F61" s="356">
        <v>205147.09</v>
      </c>
      <c r="G61" s="356">
        <v>313816.40999999997</v>
      </c>
      <c r="H61" s="356">
        <v>0</v>
      </c>
      <c r="I61" s="365">
        <v>0</v>
      </c>
      <c r="J61" s="174"/>
    </row>
    <row r="62" spans="1:10" s="21" customFormat="1" ht="10.5" x14ac:dyDescent="0.2">
      <c r="A62" s="143"/>
      <c r="B62" s="346"/>
      <c r="C62" s="346"/>
      <c r="D62" s="346"/>
      <c r="E62" s="346"/>
      <c r="F62" s="366"/>
      <c r="G62" s="366"/>
      <c r="H62" s="366"/>
      <c r="I62" s="366"/>
      <c r="J62" s="240"/>
    </row>
    <row r="63" spans="1:10" s="75" customFormat="1" ht="15" customHeight="1" x14ac:dyDescent="0.2">
      <c r="A63" s="30" t="s">
        <v>550</v>
      </c>
      <c r="B63" s="356">
        <v>0</v>
      </c>
      <c r="C63" s="356">
        <v>45514439.719999999</v>
      </c>
      <c r="D63" s="356"/>
      <c r="E63" s="356"/>
      <c r="F63" s="356">
        <v>32545306.949999999</v>
      </c>
      <c r="G63" s="356">
        <v>11497648.120000001</v>
      </c>
      <c r="H63" s="356"/>
      <c r="I63" s="365"/>
      <c r="J63" s="174"/>
    </row>
    <row r="64" spans="1:10" ht="10.5" x14ac:dyDescent="0.2">
      <c r="A64" s="34"/>
      <c r="B64" s="31"/>
      <c r="C64" s="31"/>
      <c r="D64" s="31"/>
      <c r="E64" s="31"/>
      <c r="F64" s="240"/>
      <c r="G64" s="240"/>
      <c r="H64" s="240"/>
      <c r="I64" s="240"/>
    </row>
    <row r="65" spans="1:10" ht="12.75" customHeight="1" x14ac:dyDescent="0.15">
      <c r="A65" s="857" t="s">
        <v>551</v>
      </c>
      <c r="B65" s="876" t="s">
        <v>108</v>
      </c>
      <c r="C65" s="877"/>
      <c r="D65" s="876" t="s">
        <v>108</v>
      </c>
      <c r="E65" s="877"/>
      <c r="F65" s="872" t="s">
        <v>109</v>
      </c>
      <c r="G65" s="866"/>
      <c r="H65" s="866"/>
      <c r="I65" s="866"/>
    </row>
    <row r="66" spans="1:10" ht="10.5" x14ac:dyDescent="0.2">
      <c r="A66" s="847"/>
      <c r="B66" s="846" t="s">
        <v>111</v>
      </c>
      <c r="C66" s="847"/>
      <c r="D66" s="850" t="s">
        <v>112</v>
      </c>
      <c r="E66" s="825"/>
      <c r="F66" s="820" t="s">
        <v>115</v>
      </c>
      <c r="G66" s="822"/>
      <c r="H66" s="820" t="s">
        <v>115</v>
      </c>
      <c r="I66" s="821"/>
    </row>
    <row r="67" spans="1:10" ht="10.5" x14ac:dyDescent="0.2">
      <c r="A67" s="849"/>
      <c r="B67" s="848"/>
      <c r="C67" s="849"/>
      <c r="D67" s="851"/>
      <c r="E67" s="826"/>
      <c r="F67" s="846">
        <v>2015</v>
      </c>
      <c r="G67" s="847"/>
      <c r="H67" s="850">
        <v>2014</v>
      </c>
      <c r="I67" s="852"/>
    </row>
    <row r="68" spans="1:10" s="75" customFormat="1" ht="10.5" x14ac:dyDescent="0.2">
      <c r="A68" s="179" t="s">
        <v>136</v>
      </c>
      <c r="B68" s="817">
        <v>0</v>
      </c>
      <c r="C68" s="883">
        <v>0</v>
      </c>
      <c r="D68" s="817">
        <v>0</v>
      </c>
      <c r="E68" s="883">
        <v>0</v>
      </c>
      <c r="F68" s="873">
        <v>0</v>
      </c>
      <c r="G68" s="875">
        <v>0</v>
      </c>
      <c r="H68" s="873">
        <v>0</v>
      </c>
      <c r="I68" s="874">
        <v>0</v>
      </c>
      <c r="J68" s="174"/>
    </row>
    <row r="69" spans="1:10" s="75" customFormat="1" ht="10.5" x14ac:dyDescent="0.2">
      <c r="A69" s="179" t="s">
        <v>137</v>
      </c>
      <c r="B69" s="731">
        <v>0</v>
      </c>
      <c r="C69" s="786"/>
      <c r="D69" s="731">
        <v>0</v>
      </c>
      <c r="E69" s="786"/>
      <c r="F69" s="835">
        <v>0</v>
      </c>
      <c r="G69" s="836"/>
      <c r="H69" s="835">
        <v>0</v>
      </c>
      <c r="I69" s="839"/>
      <c r="J69" s="174"/>
    </row>
    <row r="70" spans="1:10" ht="10.5" x14ac:dyDescent="0.2">
      <c r="A70" s="135" t="s">
        <v>138</v>
      </c>
      <c r="B70" s="731"/>
      <c r="C70" s="786"/>
      <c r="D70" s="731">
        <v>0</v>
      </c>
      <c r="E70" s="786"/>
      <c r="F70" s="835"/>
      <c r="G70" s="836"/>
      <c r="H70" s="835">
        <v>0</v>
      </c>
      <c r="I70" s="839"/>
    </row>
    <row r="71" spans="1:10" ht="10.5" x14ac:dyDescent="0.2">
      <c r="A71" s="135" t="s">
        <v>139</v>
      </c>
      <c r="B71" s="731"/>
      <c r="C71" s="786"/>
      <c r="D71" s="731">
        <v>0</v>
      </c>
      <c r="E71" s="786"/>
      <c r="F71" s="835"/>
      <c r="G71" s="836"/>
      <c r="H71" s="835">
        <v>0</v>
      </c>
      <c r="I71" s="839"/>
    </row>
    <row r="72" spans="1:10" ht="10.5" x14ac:dyDescent="0.2">
      <c r="A72" s="135" t="s">
        <v>140</v>
      </c>
      <c r="B72" s="731"/>
      <c r="C72" s="786"/>
      <c r="D72" s="731">
        <v>0</v>
      </c>
      <c r="E72" s="786"/>
      <c r="F72" s="835"/>
      <c r="G72" s="836"/>
      <c r="H72" s="835">
        <v>0</v>
      </c>
      <c r="I72" s="839"/>
    </row>
    <row r="73" spans="1:10" s="75" customFormat="1" ht="10.5" x14ac:dyDescent="0.2">
      <c r="A73" s="179" t="s">
        <v>141</v>
      </c>
      <c r="B73" s="731">
        <v>0</v>
      </c>
      <c r="C73" s="786"/>
      <c r="D73" s="731">
        <v>0</v>
      </c>
      <c r="E73" s="786"/>
      <c r="F73" s="835">
        <v>0</v>
      </c>
      <c r="G73" s="836"/>
      <c r="H73" s="835">
        <v>0</v>
      </c>
      <c r="I73" s="839"/>
      <c r="J73" s="174"/>
    </row>
    <row r="74" spans="1:10" ht="10.5" x14ac:dyDescent="0.2">
      <c r="A74" s="135" t="s">
        <v>142</v>
      </c>
      <c r="B74" s="731"/>
      <c r="C74" s="786"/>
      <c r="D74" s="731">
        <v>0</v>
      </c>
      <c r="E74" s="786"/>
      <c r="F74" s="835"/>
      <c r="G74" s="836"/>
      <c r="H74" s="835">
        <v>0</v>
      </c>
      <c r="I74" s="839"/>
    </row>
    <row r="75" spans="1:10" ht="10.5" x14ac:dyDescent="0.2">
      <c r="A75" s="135" t="s">
        <v>143</v>
      </c>
      <c r="B75" s="731"/>
      <c r="C75" s="786"/>
      <c r="D75" s="731">
        <v>0</v>
      </c>
      <c r="E75" s="786"/>
      <c r="F75" s="835"/>
      <c r="G75" s="836"/>
      <c r="H75" s="835">
        <v>0</v>
      </c>
      <c r="I75" s="839"/>
    </row>
    <row r="76" spans="1:10" ht="10.5" x14ac:dyDescent="0.2">
      <c r="A76" s="137" t="s">
        <v>140</v>
      </c>
      <c r="B76" s="760"/>
      <c r="C76" s="838"/>
      <c r="D76" s="760">
        <v>0</v>
      </c>
      <c r="E76" s="838"/>
      <c r="F76" s="833"/>
      <c r="G76" s="837"/>
      <c r="H76" s="833">
        <v>0</v>
      </c>
      <c r="I76" s="834"/>
    </row>
    <row r="77" spans="1:10" ht="10.5" x14ac:dyDescent="0.2">
      <c r="A77" s="348"/>
      <c r="B77" s="348"/>
      <c r="C77" s="348"/>
      <c r="D77" s="212"/>
      <c r="E77" s="212"/>
      <c r="F77" s="212"/>
      <c r="G77" s="77"/>
      <c r="H77" s="77"/>
      <c r="I77" s="77"/>
    </row>
    <row r="78" spans="1:10" ht="15" customHeight="1" x14ac:dyDescent="0.2">
      <c r="A78" s="858" t="s">
        <v>144</v>
      </c>
      <c r="B78" s="858"/>
      <c r="C78" s="859"/>
      <c r="D78" s="860" t="s">
        <v>122</v>
      </c>
      <c r="E78" s="858"/>
      <c r="F78" s="858"/>
      <c r="G78" s="858"/>
      <c r="H78" s="858"/>
      <c r="I78" s="858"/>
    </row>
    <row r="79" spans="1:10" s="75" customFormat="1" ht="15" customHeight="1" x14ac:dyDescent="0.2">
      <c r="A79" s="844" t="s">
        <v>209</v>
      </c>
      <c r="B79" s="844"/>
      <c r="C79" s="845"/>
      <c r="D79" s="868"/>
      <c r="E79" s="869"/>
      <c r="F79" s="869"/>
      <c r="G79" s="869"/>
      <c r="H79" s="869"/>
      <c r="I79" s="869"/>
      <c r="J79" s="174"/>
    </row>
    <row r="80" spans="1:10" ht="10.5" x14ac:dyDescent="0.2">
      <c r="A80" s="350"/>
      <c r="B80" s="350"/>
      <c r="C80" s="350"/>
      <c r="D80" s="349"/>
      <c r="E80" s="349"/>
      <c r="F80" s="349"/>
      <c r="G80" s="83"/>
      <c r="H80" s="83"/>
      <c r="I80" s="83"/>
    </row>
    <row r="81" spans="1:10" ht="15" customHeight="1" x14ac:dyDescent="0.2">
      <c r="A81" s="866" t="s">
        <v>552</v>
      </c>
      <c r="B81" s="866"/>
      <c r="C81" s="857"/>
      <c r="D81" s="872" t="s">
        <v>208</v>
      </c>
      <c r="E81" s="866"/>
      <c r="F81" s="866"/>
      <c r="G81" s="866"/>
      <c r="H81" s="866"/>
      <c r="I81" s="866"/>
    </row>
    <row r="82" spans="1:10" ht="15.75" customHeight="1" x14ac:dyDescent="0.2">
      <c r="A82" s="867"/>
      <c r="B82" s="867"/>
      <c r="C82" s="849"/>
      <c r="D82" s="860">
        <v>2015</v>
      </c>
      <c r="E82" s="858"/>
      <c r="F82" s="859"/>
      <c r="G82" s="858">
        <v>2014</v>
      </c>
      <c r="H82" s="858"/>
      <c r="I82" s="858"/>
    </row>
    <row r="83" spans="1:10" s="75" customFormat="1" ht="10.5" x14ac:dyDescent="0.2">
      <c r="A83" s="870" t="s">
        <v>123</v>
      </c>
      <c r="B83" s="870"/>
      <c r="C83" s="871"/>
      <c r="D83" s="873"/>
      <c r="E83" s="874"/>
      <c r="F83" s="875"/>
      <c r="G83" s="873">
        <v>0</v>
      </c>
      <c r="H83" s="874"/>
      <c r="I83" s="874"/>
      <c r="J83" s="174"/>
    </row>
    <row r="84" spans="1:10" s="75" customFormat="1" ht="10.5" x14ac:dyDescent="0.2">
      <c r="A84" s="862" t="s">
        <v>124</v>
      </c>
      <c r="B84" s="862"/>
      <c r="C84" s="863"/>
      <c r="D84" s="835">
        <v>78267.649999999994</v>
      </c>
      <c r="E84" s="839"/>
      <c r="F84" s="836"/>
      <c r="G84" s="835">
        <v>6328.65</v>
      </c>
      <c r="H84" s="839"/>
      <c r="I84" s="839"/>
      <c r="J84" s="174"/>
    </row>
    <row r="85" spans="1:10" s="75" customFormat="1" ht="10.5" x14ac:dyDescent="0.2">
      <c r="A85" s="862" t="s">
        <v>125</v>
      </c>
      <c r="B85" s="862"/>
      <c r="C85" s="863"/>
      <c r="D85" s="835">
        <v>77556284.829999998</v>
      </c>
      <c r="E85" s="839"/>
      <c r="F85" s="836"/>
      <c r="G85" s="835">
        <v>19203710.84</v>
      </c>
      <c r="H85" s="839"/>
      <c r="I85" s="839"/>
      <c r="J85" s="174"/>
    </row>
    <row r="86" spans="1:10" s="75" customFormat="1" ht="10.5" x14ac:dyDescent="0.2">
      <c r="A86" s="864" t="s">
        <v>126</v>
      </c>
      <c r="B86" s="864"/>
      <c r="C86" s="865"/>
      <c r="D86" s="833"/>
      <c r="E86" s="834"/>
      <c r="F86" s="837"/>
      <c r="G86" s="833">
        <v>0</v>
      </c>
      <c r="H86" s="834"/>
      <c r="I86" s="834"/>
      <c r="J86" s="174"/>
    </row>
    <row r="87" spans="1:10" s="21" customFormat="1" ht="10.5" x14ac:dyDescent="0.2">
      <c r="A87" s="202"/>
      <c r="B87" s="202"/>
      <c r="C87" s="136"/>
      <c r="D87" s="861"/>
      <c r="E87" s="861"/>
      <c r="F87" s="348"/>
      <c r="G87" s="136"/>
      <c r="H87" s="83"/>
      <c r="I87" s="83"/>
      <c r="J87" s="240"/>
    </row>
    <row r="88" spans="1:10" ht="15" customHeight="1" x14ac:dyDescent="0.15">
      <c r="A88" s="822" t="s">
        <v>145</v>
      </c>
      <c r="B88" s="876" t="s">
        <v>108</v>
      </c>
      <c r="C88" s="877"/>
      <c r="D88" s="876" t="s">
        <v>108</v>
      </c>
      <c r="E88" s="877"/>
      <c r="F88" s="872" t="s">
        <v>109</v>
      </c>
      <c r="G88" s="866"/>
      <c r="H88" s="866"/>
      <c r="I88" s="866"/>
    </row>
    <row r="89" spans="1:10" ht="15" customHeight="1" x14ac:dyDescent="0.2">
      <c r="A89" s="825"/>
      <c r="B89" s="846" t="s">
        <v>111</v>
      </c>
      <c r="C89" s="847"/>
      <c r="D89" s="850" t="s">
        <v>112</v>
      </c>
      <c r="E89" s="825"/>
      <c r="F89" s="820" t="s">
        <v>115</v>
      </c>
      <c r="G89" s="822"/>
      <c r="H89" s="820" t="s">
        <v>115</v>
      </c>
      <c r="I89" s="821"/>
    </row>
    <row r="90" spans="1:10" ht="15" customHeight="1" x14ac:dyDescent="0.2">
      <c r="A90" s="826"/>
      <c r="B90" s="848"/>
      <c r="C90" s="849"/>
      <c r="D90" s="851"/>
      <c r="E90" s="826"/>
      <c r="F90" s="848">
        <v>2015</v>
      </c>
      <c r="G90" s="849"/>
      <c r="H90" s="851">
        <v>2014</v>
      </c>
      <c r="I90" s="882"/>
    </row>
    <row r="91" spans="1:10" s="75" customFormat="1" ht="10.5" x14ac:dyDescent="0.2">
      <c r="A91" s="174" t="s">
        <v>147</v>
      </c>
      <c r="B91" s="741">
        <v>15495000</v>
      </c>
      <c r="C91" s="782">
        <v>0</v>
      </c>
      <c r="D91" s="741">
        <v>21719678.140000001</v>
      </c>
      <c r="E91" s="782">
        <v>0</v>
      </c>
      <c r="F91" s="741">
        <v>19719678.140000001</v>
      </c>
      <c r="G91" s="782">
        <v>0</v>
      </c>
      <c r="H91" s="741">
        <v>7325890.8700000001</v>
      </c>
      <c r="I91" s="742">
        <v>0</v>
      </c>
      <c r="J91" s="174"/>
    </row>
    <row r="92" spans="1:10" s="75" customFormat="1" ht="10.5" x14ac:dyDescent="0.2">
      <c r="A92" s="301" t="s">
        <v>178</v>
      </c>
      <c r="B92" s="731">
        <v>15495000</v>
      </c>
      <c r="C92" s="786"/>
      <c r="D92" s="731">
        <v>21719678.140000001</v>
      </c>
      <c r="E92" s="786"/>
      <c r="F92" s="731">
        <v>19719678.140000001</v>
      </c>
      <c r="G92" s="786"/>
      <c r="H92" s="731">
        <v>7325890.8700000001</v>
      </c>
      <c r="I92" s="732"/>
      <c r="J92" s="174"/>
    </row>
    <row r="93" spans="1:10" ht="10.5" x14ac:dyDescent="0.2">
      <c r="A93" s="301" t="s">
        <v>146</v>
      </c>
      <c r="B93" s="731">
        <v>13495000</v>
      </c>
      <c r="C93" s="786"/>
      <c r="D93" s="731">
        <v>19719678.140000001</v>
      </c>
      <c r="E93" s="786"/>
      <c r="F93" s="731">
        <v>19719678.140000001</v>
      </c>
      <c r="G93" s="786"/>
      <c r="H93" s="731">
        <v>7325890.8700000001</v>
      </c>
      <c r="I93" s="732"/>
    </row>
    <row r="94" spans="1:10" ht="10.5" x14ac:dyDescent="0.2">
      <c r="A94" s="301" t="s">
        <v>283</v>
      </c>
      <c r="B94" s="731">
        <v>9495000</v>
      </c>
      <c r="C94" s="786"/>
      <c r="D94" s="731">
        <v>15035680.5</v>
      </c>
      <c r="E94" s="786"/>
      <c r="F94" s="731">
        <v>15035680.5</v>
      </c>
      <c r="G94" s="786"/>
      <c r="H94" s="731">
        <v>7207583.75</v>
      </c>
      <c r="I94" s="732"/>
    </row>
    <row r="95" spans="1:10" ht="10.5" x14ac:dyDescent="0.2">
      <c r="A95" s="301" t="s">
        <v>129</v>
      </c>
      <c r="B95" s="731">
        <v>9495000</v>
      </c>
      <c r="C95" s="786"/>
      <c r="D95" s="731">
        <v>15035680.5</v>
      </c>
      <c r="E95" s="786"/>
      <c r="F95" s="731">
        <v>15035680.5</v>
      </c>
      <c r="G95" s="786"/>
      <c r="H95" s="731">
        <v>7207583.75</v>
      </c>
      <c r="I95" s="732"/>
    </row>
    <row r="96" spans="1:10" ht="10.5" x14ac:dyDescent="0.2">
      <c r="A96" s="301" t="s">
        <v>130</v>
      </c>
      <c r="B96" s="731">
        <v>0</v>
      </c>
      <c r="C96" s="786"/>
      <c r="D96" s="731">
        <v>0</v>
      </c>
      <c r="E96" s="786"/>
      <c r="F96" s="731"/>
      <c r="G96" s="786"/>
      <c r="H96" s="731">
        <v>0</v>
      </c>
      <c r="I96" s="732"/>
    </row>
    <row r="97" spans="1:10" ht="10.5" x14ac:dyDescent="0.2">
      <c r="A97" s="301" t="s">
        <v>131</v>
      </c>
      <c r="B97" s="731">
        <v>0</v>
      </c>
      <c r="C97" s="786"/>
      <c r="D97" s="731">
        <v>0</v>
      </c>
      <c r="E97" s="786"/>
      <c r="F97" s="731"/>
      <c r="G97" s="786"/>
      <c r="H97" s="731">
        <v>0</v>
      </c>
      <c r="I97" s="732"/>
    </row>
    <row r="98" spans="1:10" ht="10.5" x14ac:dyDescent="0.2">
      <c r="A98" s="301" t="s">
        <v>284</v>
      </c>
      <c r="B98" s="731">
        <v>4000000</v>
      </c>
      <c r="C98" s="786"/>
      <c r="D98" s="731">
        <v>4683997.6399999997</v>
      </c>
      <c r="E98" s="786"/>
      <c r="F98" s="731">
        <v>4683997.6399999997</v>
      </c>
      <c r="G98" s="786"/>
      <c r="H98" s="731">
        <v>118307.12</v>
      </c>
      <c r="I98" s="732"/>
    </row>
    <row r="99" spans="1:10" ht="10.5" x14ac:dyDescent="0.2">
      <c r="A99" s="301" t="s">
        <v>132</v>
      </c>
      <c r="B99" s="731">
        <v>4000000</v>
      </c>
      <c r="C99" s="786"/>
      <c r="D99" s="731">
        <v>4683997.6399999997</v>
      </c>
      <c r="E99" s="786"/>
      <c r="F99" s="731">
        <v>4683997.6399999997</v>
      </c>
      <c r="G99" s="786"/>
      <c r="H99" s="731">
        <v>118307.12</v>
      </c>
      <c r="I99" s="732"/>
    </row>
    <row r="100" spans="1:10" ht="10.5" x14ac:dyDescent="0.2">
      <c r="A100" s="301" t="s">
        <v>133</v>
      </c>
      <c r="B100" s="731">
        <v>0</v>
      </c>
      <c r="C100" s="786"/>
      <c r="D100" s="731">
        <v>0</v>
      </c>
      <c r="E100" s="786"/>
      <c r="F100" s="731"/>
      <c r="G100" s="786"/>
      <c r="H100" s="731">
        <v>0</v>
      </c>
      <c r="I100" s="732"/>
    </row>
    <row r="101" spans="1:10" ht="10.5" x14ac:dyDescent="0.2">
      <c r="A101" s="301" t="s">
        <v>748</v>
      </c>
      <c r="B101" s="731">
        <v>0</v>
      </c>
      <c r="C101" s="786"/>
      <c r="D101" s="731">
        <v>0</v>
      </c>
      <c r="E101" s="786"/>
      <c r="F101" s="731"/>
      <c r="G101" s="786"/>
      <c r="H101" s="731">
        <v>0</v>
      </c>
      <c r="I101" s="732"/>
    </row>
    <row r="102" spans="1:10" ht="10.5" x14ac:dyDescent="0.2">
      <c r="A102" s="301" t="s">
        <v>768</v>
      </c>
      <c r="B102" s="731">
        <v>2000000</v>
      </c>
      <c r="C102" s="786"/>
      <c r="D102" s="731">
        <v>2000000</v>
      </c>
      <c r="E102" s="786"/>
      <c r="F102" s="731">
        <v>0</v>
      </c>
      <c r="G102" s="786"/>
      <c r="H102" s="731">
        <v>0</v>
      </c>
      <c r="I102" s="732"/>
    </row>
    <row r="103" spans="1:10" ht="10.5" x14ac:dyDescent="0.2">
      <c r="A103" s="301" t="s">
        <v>769</v>
      </c>
      <c r="B103" s="731">
        <v>0</v>
      </c>
      <c r="C103" s="786"/>
      <c r="D103" s="731">
        <v>0</v>
      </c>
      <c r="E103" s="786"/>
      <c r="F103" s="731"/>
      <c r="G103" s="786"/>
      <c r="H103" s="731">
        <v>0</v>
      </c>
      <c r="I103" s="732"/>
    </row>
    <row r="104" spans="1:10" ht="10.5" x14ac:dyDescent="0.2">
      <c r="A104" s="301" t="s">
        <v>179</v>
      </c>
      <c r="B104" s="731">
        <v>0</v>
      </c>
      <c r="C104" s="786"/>
      <c r="D104" s="731">
        <v>0</v>
      </c>
      <c r="E104" s="786"/>
      <c r="F104" s="731"/>
      <c r="G104" s="786"/>
      <c r="H104" s="731">
        <v>0</v>
      </c>
      <c r="I104" s="732"/>
    </row>
    <row r="105" spans="1:10" ht="10.5" x14ac:dyDescent="0.2">
      <c r="A105" s="301" t="s">
        <v>186</v>
      </c>
      <c r="B105" s="731">
        <v>0</v>
      </c>
      <c r="C105" s="786"/>
      <c r="D105" s="731">
        <v>0</v>
      </c>
      <c r="E105" s="786"/>
      <c r="F105" s="731"/>
      <c r="G105" s="786"/>
      <c r="H105" s="731">
        <v>0</v>
      </c>
      <c r="I105" s="732"/>
    </row>
    <row r="106" spans="1:10" ht="10.5" x14ac:dyDescent="0.2">
      <c r="A106" s="301" t="s">
        <v>183</v>
      </c>
      <c r="B106" s="731">
        <v>0</v>
      </c>
      <c r="C106" s="786"/>
      <c r="D106" s="731">
        <v>0</v>
      </c>
      <c r="E106" s="786"/>
      <c r="F106" s="731">
        <v>0</v>
      </c>
      <c r="G106" s="786"/>
      <c r="H106" s="731">
        <v>0</v>
      </c>
      <c r="I106" s="732"/>
    </row>
    <row r="107" spans="1:10" s="75" customFormat="1" ht="10.5" x14ac:dyDescent="0.2">
      <c r="A107" s="75" t="s">
        <v>148</v>
      </c>
      <c r="B107" s="731">
        <v>0</v>
      </c>
      <c r="C107" s="786">
        <v>0</v>
      </c>
      <c r="D107" s="731">
        <v>0</v>
      </c>
      <c r="E107" s="786"/>
      <c r="F107" s="731">
        <v>0</v>
      </c>
      <c r="G107" s="786"/>
      <c r="H107" s="731">
        <v>0</v>
      </c>
      <c r="I107" s="732"/>
      <c r="J107" s="174"/>
    </row>
    <row r="108" spans="1:10" ht="10.5" x14ac:dyDescent="0.2">
      <c r="A108" s="139" t="s">
        <v>120</v>
      </c>
      <c r="B108" s="731">
        <v>0</v>
      </c>
      <c r="C108" s="786"/>
      <c r="D108" s="731">
        <v>0</v>
      </c>
      <c r="E108" s="786"/>
      <c r="F108" s="731"/>
      <c r="G108" s="786"/>
      <c r="H108" s="731">
        <v>0</v>
      </c>
      <c r="I108" s="732"/>
    </row>
    <row r="109" spans="1:10" ht="10.5" x14ac:dyDescent="0.2">
      <c r="A109" s="301" t="s">
        <v>228</v>
      </c>
      <c r="B109" s="731">
        <v>0</v>
      </c>
      <c r="C109" s="786"/>
      <c r="D109" s="731">
        <v>0</v>
      </c>
      <c r="E109" s="786"/>
      <c r="F109" s="731"/>
      <c r="G109" s="786"/>
      <c r="H109" s="731">
        <v>0</v>
      </c>
      <c r="I109" s="732"/>
    </row>
    <row r="110" spans="1:10" ht="10.5" x14ac:dyDescent="0.2">
      <c r="A110" s="139" t="s">
        <v>286</v>
      </c>
      <c r="B110" s="731">
        <v>0</v>
      </c>
      <c r="C110" s="786"/>
      <c r="D110" s="731">
        <v>0</v>
      </c>
      <c r="E110" s="786"/>
      <c r="F110" s="731"/>
      <c r="G110" s="786"/>
      <c r="H110" s="731">
        <v>0</v>
      </c>
      <c r="I110" s="732"/>
    </row>
    <row r="111" spans="1:10" s="171" customFormat="1" ht="10.5" x14ac:dyDescent="0.2">
      <c r="A111" s="75"/>
      <c r="B111" s="731"/>
      <c r="C111" s="786"/>
      <c r="D111" s="760"/>
      <c r="E111" s="838"/>
      <c r="F111" s="760"/>
      <c r="G111" s="838"/>
      <c r="H111" s="760"/>
      <c r="I111" s="761"/>
      <c r="J111" s="240"/>
    </row>
    <row r="112" spans="1:10" s="182" customFormat="1" ht="21.75" customHeight="1" x14ac:dyDescent="0.2">
      <c r="A112" s="183" t="s">
        <v>767</v>
      </c>
      <c r="B112" s="757">
        <v>15495000</v>
      </c>
      <c r="C112" s="856"/>
      <c r="D112" s="757">
        <v>21719678.140000001</v>
      </c>
      <c r="E112" s="856"/>
      <c r="F112" s="757">
        <v>19719678.140000001</v>
      </c>
      <c r="G112" s="758"/>
      <c r="H112" s="757">
        <v>7325890.8700000001</v>
      </c>
      <c r="I112" s="758"/>
      <c r="J112" s="571"/>
    </row>
    <row r="113" spans="1:10" ht="10.5" x14ac:dyDescent="0.15">
      <c r="A113" s="217"/>
      <c r="B113" s="218"/>
      <c r="C113" s="218"/>
      <c r="D113" s="219"/>
      <c r="E113" s="219"/>
      <c r="F113" s="219"/>
      <c r="G113" s="220"/>
      <c r="H113" s="220"/>
      <c r="I113" s="220"/>
    </row>
    <row r="114" spans="1:10" ht="33" customHeight="1" x14ac:dyDescent="0.15">
      <c r="A114" s="213"/>
      <c r="B114" s="221" t="s">
        <v>157</v>
      </c>
      <c r="C114" s="221" t="s">
        <v>157</v>
      </c>
      <c r="D114" s="771" t="s">
        <v>158</v>
      </c>
      <c r="E114" s="773"/>
      <c r="F114" s="860" t="s">
        <v>159</v>
      </c>
      <c r="G114" s="859"/>
      <c r="H114" s="860" t="s">
        <v>348</v>
      </c>
      <c r="I114" s="858"/>
    </row>
    <row r="115" spans="1:10" ht="15" customHeight="1" x14ac:dyDescent="0.2">
      <c r="A115" s="215" t="s">
        <v>149</v>
      </c>
      <c r="B115" s="843" t="s">
        <v>111</v>
      </c>
      <c r="C115" s="843" t="s">
        <v>112</v>
      </c>
      <c r="D115" s="347" t="s">
        <v>115</v>
      </c>
      <c r="E115" s="347" t="s">
        <v>115</v>
      </c>
      <c r="F115" s="347" t="s">
        <v>115</v>
      </c>
      <c r="G115" s="347" t="s">
        <v>115</v>
      </c>
      <c r="H115" s="878" t="s">
        <v>745</v>
      </c>
      <c r="I115" s="872" t="s">
        <v>746</v>
      </c>
    </row>
    <row r="116" spans="1:10" ht="15" customHeight="1" x14ac:dyDescent="0.2">
      <c r="A116" s="214"/>
      <c r="B116" s="824"/>
      <c r="C116" s="824"/>
      <c r="D116" s="352">
        <v>2015</v>
      </c>
      <c r="E116" s="351">
        <v>2014</v>
      </c>
      <c r="F116" s="352">
        <v>2015</v>
      </c>
      <c r="G116" s="351">
        <v>2014</v>
      </c>
      <c r="H116" s="879"/>
      <c r="I116" s="848"/>
    </row>
    <row r="117" spans="1:10" s="75" customFormat="1" ht="12.75" customHeight="1" x14ac:dyDescent="0.2">
      <c r="A117" s="180" t="s">
        <v>150</v>
      </c>
      <c r="B117" s="362">
        <v>0</v>
      </c>
      <c r="C117" s="362">
        <v>0</v>
      </c>
      <c r="D117" s="362">
        <v>0</v>
      </c>
      <c r="E117" s="362">
        <v>0</v>
      </c>
      <c r="F117" s="362">
        <v>0</v>
      </c>
      <c r="G117" s="362">
        <v>0</v>
      </c>
      <c r="H117" s="362">
        <v>0</v>
      </c>
      <c r="I117" s="363">
        <v>0</v>
      </c>
      <c r="J117" s="174"/>
    </row>
    <row r="118" spans="1:10" ht="10.5" x14ac:dyDescent="0.2">
      <c r="A118" s="32" t="s">
        <v>204</v>
      </c>
      <c r="B118" s="337"/>
      <c r="C118" s="337"/>
      <c r="D118" s="337"/>
      <c r="E118" s="337"/>
      <c r="F118" s="337"/>
      <c r="G118" s="337"/>
      <c r="H118" s="337"/>
      <c r="I118" s="346"/>
    </row>
    <row r="119" spans="1:10" ht="10.5" x14ac:dyDescent="0.2">
      <c r="A119" s="33" t="s">
        <v>205</v>
      </c>
      <c r="B119" s="337"/>
      <c r="C119" s="337"/>
      <c r="D119" s="337"/>
      <c r="E119" s="337"/>
      <c r="F119" s="337"/>
      <c r="G119" s="337"/>
      <c r="H119" s="337"/>
      <c r="I119" s="346"/>
    </row>
    <row r="120" spans="1:10" s="75" customFormat="1" ht="15" customHeight="1" x14ac:dyDescent="0.2">
      <c r="A120" s="15" t="s">
        <v>151</v>
      </c>
      <c r="B120" s="356">
        <v>0</v>
      </c>
      <c r="C120" s="356">
        <v>0</v>
      </c>
      <c r="D120" s="356">
        <v>0</v>
      </c>
      <c r="E120" s="356">
        <v>0</v>
      </c>
      <c r="F120" s="356">
        <v>0</v>
      </c>
      <c r="G120" s="356">
        <v>0</v>
      </c>
      <c r="H120" s="356">
        <v>0</v>
      </c>
      <c r="I120" s="365">
        <v>0</v>
      </c>
      <c r="J120" s="174"/>
    </row>
    <row r="121" spans="1:10" ht="14.25" customHeight="1" x14ac:dyDescent="0.2">
      <c r="A121" s="202" t="s">
        <v>863</v>
      </c>
      <c r="B121" s="173"/>
      <c r="C121" s="173"/>
      <c r="D121" s="173"/>
      <c r="E121" s="173"/>
      <c r="I121" s="330"/>
    </row>
    <row r="122" spans="1:10" s="21" customFormat="1" ht="11.25" customHeight="1" x14ac:dyDescent="0.2">
      <c r="A122" s="240"/>
      <c r="J122" s="240"/>
    </row>
    <row r="124" spans="1:10" s="301" customFormat="1" ht="11.25" customHeight="1" x14ac:dyDescent="0.2">
      <c r="J124" s="240"/>
    </row>
    <row r="125" spans="1:10" s="301" customFormat="1" ht="11.25" customHeight="1" x14ac:dyDescent="0.2">
      <c r="J125" s="240"/>
    </row>
    <row r="128" spans="1:10" ht="11.25" customHeight="1" x14ac:dyDescent="0.2">
      <c r="A128" s="301"/>
      <c r="B128" s="301"/>
      <c r="C128" s="301"/>
      <c r="D128" s="301"/>
      <c r="E128" s="301"/>
      <c r="F128" s="301"/>
      <c r="G128" s="301"/>
      <c r="H128" s="301"/>
      <c r="I128" s="301"/>
    </row>
    <row r="130" s="52" customFormat="1" ht="11.25" customHeight="1" x14ac:dyDescent="0.2"/>
    <row r="131" s="52" customFormat="1" ht="11.25" customHeight="1" x14ac:dyDescent="0.2"/>
    <row r="132" s="52" customFormat="1" ht="11.25" customHeight="1" x14ac:dyDescent="0.2"/>
    <row r="133" s="52" customFormat="1" ht="11.25" customHeight="1" x14ac:dyDescent="0.2"/>
    <row r="134" s="52" customFormat="1" ht="11.25" customHeight="1" x14ac:dyDescent="0.2"/>
    <row r="135" s="52" customFormat="1" ht="11.25" customHeight="1" x14ac:dyDescent="0.2"/>
    <row r="136" s="52" customFormat="1" ht="11.25" customHeight="1" x14ac:dyDescent="0.2"/>
  </sheetData>
  <dataConsolidate/>
  <customSheetViews>
    <customSheetView guid="{82EDB5A4-4824-4632-A540-7A52C92F04C7}" showPageBreaks="1" showGridLines="0" fitToPage="1" printArea="1">
      <selection activeCell="Q16" sqref="Q16"/>
      <pageMargins left="0.19685039370078741" right="0.19685039370078741" top="0.59055118110236227" bottom="0.19685039370078741" header="0" footer="0"/>
      <printOptions horizontalCentered="1"/>
      <pageSetup paperSize="9" scale="48" orientation="portrait" r:id="rId1"/>
      <headerFooter alignWithMargins="0"/>
    </customSheetView>
    <customSheetView guid="{3AAF6A5F-F9AA-430B-9AD9-1261ECDF41B5}" showPageBreaks="1" showGridLines="0" fitToPage="1" printArea="1" topLeftCell="B16">
      <selection activeCell="Q16" sqref="Q16"/>
      <pageMargins left="0.39370078740157483" right="0.39370078740157483" top="0.98425196850393704" bottom="0.98425196850393704" header="0" footer="0.19685039370078741"/>
      <printOptions horizontalCentered="1"/>
      <pageSetup paperSize="9" scale="45" orientation="portrait" r:id="rId2"/>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3"/>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4"/>
      <headerFooter alignWithMargins="0"/>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48" orientation="portrait" r:id="rId5"/>
      <headerFooter alignWithMargins="0"/>
    </customSheetView>
    <customSheetView guid="{25EF1E0D-169B-4051-B414-7E1196FC05E4}" showPageBreaks="1" showGridLines="0" fitToPage="1" printArea="1" topLeftCell="B37">
      <selection activeCell="I52" sqref="I52"/>
      <pageMargins left="0.19685039370078741" right="0.19685039370078741" top="0.19685039370078741" bottom="0.19685039370078741" header="0" footer="0"/>
      <printOptions horizontalCentered="1"/>
      <pageSetup paperSize="9" scale="47" orientation="portrait" r:id="rId6"/>
      <headerFooter alignWithMargins="0"/>
    </customSheetView>
    <customSheetView guid="{C779D862-DE28-46CD-A428-4AAA1056D1E1}" showPageBreaks="1" showGridLines="0" fitToPage="1" printArea="1">
      <selection activeCell="I52" sqref="I52"/>
      <pageMargins left="0.19685039370078741" right="0.19685039370078741" top="0.59055118110236227" bottom="0.19685039370078741" header="0" footer="0"/>
      <printOptions horizontalCentered="1"/>
      <pageSetup paperSize="9" scale="47" orientation="portrait" r:id="rId7"/>
      <headerFooter alignWithMargins="0"/>
    </customSheetView>
  </customSheetViews>
  <mergeCells count="30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8"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pageSetUpPr fitToPage="1"/>
  </sheetPr>
  <dimension ref="A1:G60"/>
  <sheetViews>
    <sheetView showGridLines="0" zoomScaleNormal="100" workbookViewId="0"/>
  </sheetViews>
  <sheetFormatPr defaultRowHeight="11.25" customHeight="1" x14ac:dyDescent="0.2"/>
  <cols>
    <col min="1" max="1" width="65.140625" style="191" customWidth="1"/>
    <col min="2" max="6" width="14.140625" style="191" customWidth="1"/>
    <col min="7" max="7" width="16.42578125" style="191" customWidth="1"/>
    <col min="8" max="16384" width="9.140625" style="191"/>
  </cols>
  <sheetData>
    <row r="1" spans="1:7" s="29" customFormat="1" ht="10.5" x14ac:dyDescent="0.2">
      <c r="A1" s="328"/>
      <c r="B1" s="328"/>
      <c r="C1" s="328"/>
      <c r="D1" s="328"/>
      <c r="E1" s="328"/>
      <c r="F1" s="328"/>
      <c r="G1" s="328"/>
    </row>
    <row r="2" spans="1:7" s="29" customFormat="1" ht="10.5" x14ac:dyDescent="0.2">
      <c r="D2" s="128"/>
      <c r="E2" s="128"/>
    </row>
    <row r="3" spans="1:7" s="52" customFormat="1" ht="10.5" x14ac:dyDescent="0.2">
      <c r="A3" s="762" t="s">
        <v>641</v>
      </c>
      <c r="B3" s="762"/>
      <c r="C3" s="762"/>
      <c r="D3" s="762"/>
      <c r="E3" s="762"/>
      <c r="F3" s="762"/>
      <c r="G3" s="762"/>
    </row>
    <row r="4" spans="1:7" s="52" customFormat="1" ht="10.5" x14ac:dyDescent="0.2">
      <c r="A4" s="762" t="s">
        <v>105</v>
      </c>
      <c r="B4" s="762"/>
      <c r="C4" s="762"/>
      <c r="D4" s="762"/>
      <c r="E4" s="762"/>
      <c r="F4" s="762"/>
      <c r="G4" s="762"/>
    </row>
    <row r="5" spans="1:7" s="52" customFormat="1" ht="10.5" x14ac:dyDescent="0.2">
      <c r="A5" s="762" t="s">
        <v>555</v>
      </c>
      <c r="B5" s="762"/>
      <c r="C5" s="762"/>
      <c r="D5" s="762"/>
      <c r="E5" s="762"/>
      <c r="F5" s="762"/>
      <c r="G5" s="762"/>
    </row>
    <row r="6" spans="1:7" s="52" customFormat="1" ht="10.5" x14ac:dyDescent="0.2">
      <c r="A6" s="762" t="s">
        <v>107</v>
      </c>
      <c r="B6" s="762"/>
      <c r="C6" s="762"/>
      <c r="D6" s="762"/>
      <c r="E6" s="762"/>
      <c r="F6" s="762"/>
      <c r="G6" s="762"/>
    </row>
    <row r="7" spans="1:7" s="52" customFormat="1" ht="10.5" x14ac:dyDescent="0.2">
      <c r="A7" s="762" t="s">
        <v>874</v>
      </c>
      <c r="B7" s="762"/>
      <c r="C7" s="762"/>
      <c r="D7" s="762"/>
      <c r="E7" s="762"/>
      <c r="F7" s="762"/>
      <c r="G7" s="762"/>
    </row>
    <row r="8" spans="1:7" s="29" customFormat="1" ht="10.5" x14ac:dyDescent="0.2">
      <c r="A8" s="53"/>
      <c r="B8" s="53"/>
      <c r="C8" s="53"/>
      <c r="D8" s="53"/>
      <c r="E8" s="53"/>
      <c r="F8" s="53"/>
      <c r="G8" s="53"/>
    </row>
    <row r="9" spans="1:7" s="29" customFormat="1" ht="10.5" x14ac:dyDescent="0.2">
      <c r="A9" s="29" t="s">
        <v>556</v>
      </c>
      <c r="D9" s="148"/>
      <c r="E9" s="128"/>
      <c r="G9" s="253">
        <v>1</v>
      </c>
    </row>
    <row r="10" spans="1:7" s="75" customFormat="1" ht="15" customHeight="1" x14ac:dyDescent="0.2">
      <c r="A10" s="822" t="s">
        <v>557</v>
      </c>
      <c r="B10" s="860" t="s">
        <v>161</v>
      </c>
      <c r="C10" s="858"/>
      <c r="D10" s="858"/>
      <c r="E10" s="858"/>
      <c r="F10" s="858"/>
      <c r="G10" s="858"/>
    </row>
    <row r="11" spans="1:7" s="75" customFormat="1" ht="15" customHeight="1" x14ac:dyDescent="0.2">
      <c r="A11" s="825"/>
      <c r="B11" s="820" t="s">
        <v>765</v>
      </c>
      <c r="C11" s="822"/>
      <c r="D11" s="765" t="s">
        <v>884</v>
      </c>
      <c r="E11" s="766"/>
      <c r="F11" s="765" t="s">
        <v>885</v>
      </c>
      <c r="G11" s="888"/>
    </row>
    <row r="12" spans="1:7" s="75" customFormat="1" ht="15" customHeight="1" x14ac:dyDescent="0.2">
      <c r="A12" s="826"/>
      <c r="B12" s="848" t="s">
        <v>116</v>
      </c>
      <c r="C12" s="849"/>
      <c r="D12" s="889" t="s">
        <v>117</v>
      </c>
      <c r="E12" s="779"/>
      <c r="F12" s="778" t="s">
        <v>152</v>
      </c>
      <c r="G12" s="889"/>
    </row>
    <row r="13" spans="1:7" s="75" customFormat="1" ht="10.5" x14ac:dyDescent="0.2">
      <c r="A13" s="174" t="s">
        <v>558</v>
      </c>
      <c r="B13" s="741">
        <v>8602359025.3500004</v>
      </c>
      <c r="C13" s="782"/>
      <c r="D13" s="741">
        <v>8732763384.9599991</v>
      </c>
      <c r="E13" s="782"/>
      <c r="F13" s="741">
        <v>8824362257.5</v>
      </c>
      <c r="G13" s="742"/>
    </row>
    <row r="14" spans="1:7" s="75" customFormat="1" ht="10.5" x14ac:dyDescent="0.2">
      <c r="A14" s="174" t="s">
        <v>184</v>
      </c>
      <c r="B14" s="747">
        <v>609938356.01999998</v>
      </c>
      <c r="C14" s="785"/>
      <c r="D14" s="747">
        <v>1077995529.6400001</v>
      </c>
      <c r="E14" s="785"/>
      <c r="F14" s="747">
        <v>1011249446.7199999</v>
      </c>
      <c r="G14" s="748"/>
    </row>
    <row r="15" spans="1:7" ht="10.5" x14ac:dyDescent="0.2">
      <c r="A15" s="190" t="s">
        <v>559</v>
      </c>
      <c r="B15" s="731">
        <v>755342169.38999999</v>
      </c>
      <c r="C15" s="786"/>
      <c r="D15" s="731">
        <v>1156920301.4000001</v>
      </c>
      <c r="E15" s="786"/>
      <c r="F15" s="731">
        <v>1070565719.9299999</v>
      </c>
      <c r="G15" s="732"/>
    </row>
    <row r="16" spans="1:7" ht="10.5" x14ac:dyDescent="0.2">
      <c r="A16" s="190" t="s">
        <v>560</v>
      </c>
      <c r="B16" s="731">
        <v>0</v>
      </c>
      <c r="C16" s="786"/>
      <c r="D16" s="731">
        <v>0</v>
      </c>
      <c r="E16" s="786"/>
      <c r="F16" s="731">
        <v>0</v>
      </c>
      <c r="G16" s="732"/>
    </row>
    <row r="17" spans="1:7" ht="10.5" x14ac:dyDescent="0.2">
      <c r="A17" s="190" t="s">
        <v>561</v>
      </c>
      <c r="B17" s="731">
        <v>145403813.37</v>
      </c>
      <c r="C17" s="786"/>
      <c r="D17" s="731">
        <v>78924771.760000005</v>
      </c>
      <c r="E17" s="786"/>
      <c r="F17" s="731">
        <v>59316273.210000001</v>
      </c>
      <c r="G17" s="732"/>
    </row>
    <row r="18" spans="1:7" s="75" customFormat="1" ht="10.5" x14ac:dyDescent="0.2">
      <c r="A18" s="174" t="s">
        <v>562</v>
      </c>
      <c r="B18" s="747">
        <v>7992420669.3299999</v>
      </c>
      <c r="C18" s="785"/>
      <c r="D18" s="747">
        <v>7654767855.3199987</v>
      </c>
      <c r="E18" s="785"/>
      <c r="F18" s="747">
        <v>7813112810.7799997</v>
      </c>
      <c r="G18" s="748"/>
    </row>
    <row r="19" spans="1:7" s="75" customFormat="1" ht="10.5" x14ac:dyDescent="0.2">
      <c r="A19" s="174" t="s">
        <v>563</v>
      </c>
      <c r="B19" s="747">
        <v>0</v>
      </c>
      <c r="C19" s="785"/>
      <c r="D19" s="747">
        <v>0</v>
      </c>
      <c r="E19" s="785"/>
      <c r="F19" s="747">
        <v>0</v>
      </c>
      <c r="G19" s="748"/>
    </row>
    <row r="20" spans="1:7" s="75" customFormat="1" ht="10.5" x14ac:dyDescent="0.2">
      <c r="A20" s="174" t="s">
        <v>564</v>
      </c>
      <c r="B20" s="747">
        <v>94123805.310000002</v>
      </c>
      <c r="C20" s="785"/>
      <c r="D20" s="747">
        <v>92523506.760000005</v>
      </c>
      <c r="E20" s="785"/>
      <c r="F20" s="791">
        <v>94057476.120000005</v>
      </c>
      <c r="G20" s="792"/>
    </row>
    <row r="21" spans="1:7" s="75" customFormat="1" ht="15" customHeight="1" x14ac:dyDescent="0.2">
      <c r="A21" s="130" t="s">
        <v>565</v>
      </c>
      <c r="B21" s="757">
        <v>7898296864.0199995</v>
      </c>
      <c r="C21" s="856"/>
      <c r="D21" s="757">
        <v>7562244348.5599985</v>
      </c>
      <c r="E21" s="856"/>
      <c r="F21" s="757">
        <v>7719055334.6599998</v>
      </c>
      <c r="G21" s="758"/>
    </row>
    <row r="22" spans="1:7" ht="10.5" x14ac:dyDescent="0.2">
      <c r="B22" s="52"/>
      <c r="C22" s="52"/>
      <c r="D22" s="52"/>
      <c r="E22" s="52"/>
      <c r="F22" s="52"/>
      <c r="G22" s="52"/>
    </row>
    <row r="23" spans="1:7" s="75" customFormat="1" ht="15" customHeight="1" x14ac:dyDescent="0.2">
      <c r="A23" s="125"/>
      <c r="B23" s="771" t="s">
        <v>208</v>
      </c>
      <c r="C23" s="772"/>
      <c r="D23" s="772"/>
      <c r="E23" s="772"/>
      <c r="F23" s="772"/>
      <c r="G23" s="772"/>
    </row>
    <row r="24" spans="1:7" s="75" customFormat="1" ht="15" customHeight="1" x14ac:dyDescent="0.2">
      <c r="A24" s="188" t="s">
        <v>566</v>
      </c>
      <c r="B24" s="185"/>
      <c r="C24" s="186" t="s">
        <v>113</v>
      </c>
      <c r="D24" s="187"/>
      <c r="E24" s="185"/>
      <c r="F24" s="186" t="s">
        <v>115</v>
      </c>
      <c r="G24" s="186"/>
    </row>
    <row r="25" spans="1:7" s="75" customFormat="1" ht="15" customHeight="1" x14ac:dyDescent="0.2">
      <c r="A25" s="57"/>
      <c r="B25" s="17"/>
      <c r="C25" s="564" t="s">
        <v>567</v>
      </c>
      <c r="D25" s="184"/>
      <c r="E25" s="17"/>
      <c r="F25" s="564" t="s">
        <v>568</v>
      </c>
      <c r="G25" s="201"/>
    </row>
    <row r="26" spans="1:7" s="75" customFormat="1" ht="15" customHeight="1" x14ac:dyDescent="0.2">
      <c r="A26" s="189" t="s">
        <v>209</v>
      </c>
      <c r="B26" s="899">
        <v>156810986.10000134</v>
      </c>
      <c r="C26" s="900"/>
      <c r="D26" s="901"/>
      <c r="E26" s="899">
        <v>-179241529.35999966</v>
      </c>
      <c r="F26" s="900"/>
      <c r="G26" s="900"/>
    </row>
    <row r="27" spans="1:7" ht="10.5" x14ac:dyDescent="0.2">
      <c r="B27" s="52"/>
      <c r="C27" s="52"/>
      <c r="D27" s="65"/>
      <c r="E27" s="65"/>
      <c r="F27" s="52"/>
      <c r="G27" s="52"/>
    </row>
    <row r="28" spans="1:7" s="75" customFormat="1" ht="15" customHeight="1" x14ac:dyDescent="0.2">
      <c r="A28" s="821" t="s">
        <v>569</v>
      </c>
      <c r="B28" s="821"/>
      <c r="C28" s="821"/>
      <c r="D28" s="822"/>
      <c r="E28" s="872" t="s">
        <v>570</v>
      </c>
      <c r="F28" s="866"/>
      <c r="G28" s="866"/>
    </row>
    <row r="29" spans="1:7" s="75" customFormat="1" ht="15" customHeight="1" x14ac:dyDescent="0.2">
      <c r="A29" s="886" t="s">
        <v>764</v>
      </c>
      <c r="B29" s="886"/>
      <c r="C29" s="886"/>
      <c r="D29" s="887"/>
      <c r="E29" s="884">
        <v>-279873000</v>
      </c>
      <c r="F29" s="885"/>
      <c r="G29" s="885"/>
    </row>
    <row r="30" spans="1:7" ht="10.5" x14ac:dyDescent="0.2">
      <c r="A30" s="28"/>
      <c r="B30" s="28"/>
      <c r="C30" s="28"/>
      <c r="D30" s="28"/>
      <c r="E30" s="73"/>
      <c r="F30" s="73"/>
      <c r="G30" s="73"/>
    </row>
    <row r="31" spans="1:7" s="75" customFormat="1" ht="15" customHeight="1" x14ac:dyDescent="0.2">
      <c r="A31" s="772" t="s">
        <v>571</v>
      </c>
      <c r="B31" s="772"/>
      <c r="C31" s="772"/>
      <c r="D31" s="772"/>
      <c r="E31" s="772"/>
      <c r="F31" s="772"/>
      <c r="G31" s="772"/>
    </row>
    <row r="32" spans="1:7" s="75" customFormat="1" ht="15" customHeight="1" x14ac:dyDescent="0.2">
      <c r="A32" s="125"/>
      <c r="B32" s="860" t="s">
        <v>161</v>
      </c>
      <c r="C32" s="858"/>
      <c r="D32" s="858"/>
      <c r="E32" s="858"/>
      <c r="F32" s="858"/>
      <c r="G32" s="858"/>
    </row>
    <row r="33" spans="1:7" s="75" customFormat="1" ht="15" customHeight="1" x14ac:dyDescent="0.2">
      <c r="A33" s="188" t="s">
        <v>572</v>
      </c>
      <c r="B33" s="820" t="s">
        <v>765</v>
      </c>
      <c r="C33" s="822"/>
      <c r="D33" s="765" t="s">
        <v>884</v>
      </c>
      <c r="E33" s="751"/>
      <c r="F33" s="765" t="s">
        <v>885</v>
      </c>
      <c r="G33" s="890"/>
    </row>
    <row r="34" spans="1:7" s="75" customFormat="1" ht="15" customHeight="1" x14ac:dyDescent="0.2">
      <c r="A34" s="57"/>
      <c r="B34" s="848" t="s">
        <v>116</v>
      </c>
      <c r="C34" s="849"/>
      <c r="D34" s="889" t="s">
        <v>117</v>
      </c>
      <c r="E34" s="779"/>
      <c r="F34" s="778" t="s">
        <v>152</v>
      </c>
      <c r="G34" s="889"/>
    </row>
    <row r="35" spans="1:7" s="75" customFormat="1" ht="10.5" x14ac:dyDescent="0.2">
      <c r="A35" s="75" t="s">
        <v>573</v>
      </c>
      <c r="B35" s="891">
        <v>44598835.219999999</v>
      </c>
      <c r="C35" s="892"/>
      <c r="D35" s="891">
        <v>44598835.219999999</v>
      </c>
      <c r="E35" s="892"/>
      <c r="F35" s="891">
        <v>44598835.219999999</v>
      </c>
      <c r="G35" s="893"/>
    </row>
    <row r="36" spans="1:7" ht="10.5" x14ac:dyDescent="0.2">
      <c r="A36" s="191" t="s">
        <v>574</v>
      </c>
      <c r="B36" s="780">
        <v>44598835.219999999</v>
      </c>
      <c r="C36" s="781"/>
      <c r="D36" s="780">
        <v>44598835.219999999</v>
      </c>
      <c r="E36" s="781"/>
      <c r="F36" s="780">
        <v>44598835.219999999</v>
      </c>
      <c r="G36" s="894"/>
    </row>
    <row r="37" spans="1:7" ht="10.5" x14ac:dyDescent="0.2">
      <c r="A37" s="191" t="s">
        <v>575</v>
      </c>
      <c r="B37" s="780">
        <v>0</v>
      </c>
      <c r="C37" s="781"/>
      <c r="D37" s="780">
        <v>0</v>
      </c>
      <c r="E37" s="781"/>
      <c r="F37" s="780">
        <v>0</v>
      </c>
      <c r="G37" s="894"/>
    </row>
    <row r="38" spans="1:7" s="75" customFormat="1" ht="10.5" x14ac:dyDescent="0.2">
      <c r="A38" s="75" t="s">
        <v>576</v>
      </c>
      <c r="B38" s="783">
        <v>32803010.439999998</v>
      </c>
      <c r="C38" s="784"/>
      <c r="D38" s="783">
        <v>221551259.13</v>
      </c>
      <c r="E38" s="784"/>
      <c r="F38" s="783">
        <v>198858164.12</v>
      </c>
      <c r="G38" s="895"/>
    </row>
    <row r="39" spans="1:7" ht="10.5" x14ac:dyDescent="0.2">
      <c r="A39" s="191" t="s">
        <v>577</v>
      </c>
      <c r="B39" s="780">
        <v>564137.87</v>
      </c>
      <c r="C39" s="781"/>
      <c r="D39" s="780">
        <v>177612454.53</v>
      </c>
      <c r="E39" s="781"/>
      <c r="F39" s="780">
        <v>132241187.25</v>
      </c>
      <c r="G39" s="894"/>
    </row>
    <row r="40" spans="1:7" ht="10.5" x14ac:dyDescent="0.2">
      <c r="A40" s="191" t="s">
        <v>578</v>
      </c>
      <c r="B40" s="780">
        <v>44034697.350000001</v>
      </c>
      <c r="C40" s="781"/>
      <c r="D40" s="780">
        <v>55734629.380000003</v>
      </c>
      <c r="E40" s="781"/>
      <c r="F40" s="780">
        <v>78412801.650000006</v>
      </c>
      <c r="G40" s="894"/>
    </row>
    <row r="41" spans="1:7" ht="10.5" x14ac:dyDescent="0.2">
      <c r="A41" s="191" t="s">
        <v>560</v>
      </c>
      <c r="B41" s="780">
        <v>0</v>
      </c>
      <c r="C41" s="781"/>
      <c r="D41" s="780">
        <v>0</v>
      </c>
      <c r="E41" s="781"/>
      <c r="F41" s="780">
        <v>0</v>
      </c>
      <c r="G41" s="894"/>
    </row>
    <row r="42" spans="1:7" ht="10.5" x14ac:dyDescent="0.2">
      <c r="A42" s="191" t="s">
        <v>579</v>
      </c>
      <c r="B42" s="780">
        <v>11795824.779999999</v>
      </c>
      <c r="C42" s="781"/>
      <c r="D42" s="780">
        <v>11795824.779999999</v>
      </c>
      <c r="E42" s="781"/>
      <c r="F42" s="780">
        <v>11795824.779999999</v>
      </c>
      <c r="G42" s="894"/>
    </row>
    <row r="43" spans="1:7" s="75" customFormat="1" ht="12.75" customHeight="1" x14ac:dyDescent="0.2">
      <c r="A43" s="75" t="s">
        <v>580</v>
      </c>
      <c r="B43" s="902">
        <v>11795824.780000001</v>
      </c>
      <c r="C43" s="903"/>
      <c r="D43" s="902">
        <v>-176952423.91</v>
      </c>
      <c r="E43" s="903"/>
      <c r="F43" s="902">
        <v>-154259328.90000001</v>
      </c>
      <c r="G43" s="904"/>
    </row>
    <row r="44" spans="1:7" s="75" customFormat="1" ht="13.5" customHeight="1" x14ac:dyDescent="0.2">
      <c r="A44" s="75" t="s">
        <v>581</v>
      </c>
      <c r="B44" s="783"/>
      <c r="C44" s="784"/>
      <c r="D44" s="783"/>
      <c r="E44" s="784"/>
      <c r="F44" s="783"/>
      <c r="G44" s="895"/>
    </row>
    <row r="45" spans="1:7" s="75" customFormat="1" ht="15" customHeight="1" x14ac:dyDescent="0.2">
      <c r="A45" s="130" t="s">
        <v>582</v>
      </c>
      <c r="B45" s="896">
        <v>11795824.780000001</v>
      </c>
      <c r="C45" s="897"/>
      <c r="D45" s="896">
        <v>-176952423.91</v>
      </c>
      <c r="E45" s="897"/>
      <c r="F45" s="896">
        <v>-154259328.90000001</v>
      </c>
      <c r="G45" s="898"/>
    </row>
    <row r="46" spans="1:7" ht="12.75" customHeight="1" x14ac:dyDescent="0.2">
      <c r="A46" s="52" t="s">
        <v>863</v>
      </c>
      <c r="B46" s="83"/>
      <c r="C46" s="83"/>
      <c r="D46" s="83"/>
      <c r="E46" s="83"/>
      <c r="F46" s="83"/>
      <c r="G46" s="333"/>
    </row>
    <row r="47" spans="1:7" ht="11.25" customHeight="1" x14ac:dyDescent="0.2">
      <c r="A47" s="198"/>
    </row>
    <row r="48" spans="1:7" ht="11.25" customHeight="1" x14ac:dyDescent="0.2">
      <c r="D48" s="301"/>
      <c r="E48" s="301"/>
      <c r="F48" s="301"/>
      <c r="G48" s="301"/>
    </row>
    <row r="49" spans="1:7" ht="14.25" customHeight="1" x14ac:dyDescent="0.2">
      <c r="D49" s="301"/>
      <c r="E49" s="301"/>
      <c r="F49" s="301"/>
      <c r="G49" s="301"/>
    </row>
    <row r="50" spans="1:7" ht="11.25" customHeight="1" x14ac:dyDescent="0.2">
      <c r="A50" s="301"/>
      <c r="B50" s="301"/>
      <c r="C50" s="301"/>
      <c r="D50" s="301"/>
      <c r="E50" s="301"/>
      <c r="F50" s="301"/>
      <c r="G50" s="301"/>
    </row>
    <row r="51" spans="1:7" ht="11.25" customHeight="1" x14ac:dyDescent="0.2">
      <c r="D51" s="301"/>
      <c r="E51" s="301"/>
      <c r="F51" s="301"/>
      <c r="G51" s="301"/>
    </row>
    <row r="52" spans="1:7" ht="11.25" customHeight="1" x14ac:dyDescent="0.2">
      <c r="D52" s="301"/>
      <c r="E52" s="301"/>
      <c r="F52" s="301"/>
      <c r="G52" s="301"/>
    </row>
    <row r="53" spans="1:7" ht="11.25" customHeight="1" x14ac:dyDescent="0.2">
      <c r="D53" s="301"/>
      <c r="E53" s="301"/>
      <c r="F53" s="301"/>
      <c r="G53" s="301"/>
    </row>
    <row r="54" spans="1:7" s="52" customFormat="1" ht="11.25" customHeight="1" x14ac:dyDescent="0.2"/>
    <row r="55" spans="1:7" s="52" customFormat="1" ht="11.25" customHeight="1" x14ac:dyDescent="0.2"/>
    <row r="56" spans="1:7" s="52" customFormat="1" ht="11.25" customHeight="1" x14ac:dyDescent="0.2"/>
    <row r="57" spans="1:7" s="52" customFormat="1" ht="11.25" customHeight="1" x14ac:dyDescent="0.2"/>
    <row r="58" spans="1:7" s="52" customFormat="1" ht="11.25" customHeight="1" x14ac:dyDescent="0.2"/>
    <row r="59" spans="1:7" s="52" customFormat="1" ht="11.25" customHeight="1" x14ac:dyDescent="0.2"/>
    <row r="60" spans="1:7" s="52" customFormat="1" ht="11.25" customHeight="1" x14ac:dyDescent="0.2"/>
  </sheetData>
  <customSheetViews>
    <customSheetView guid="{82EDB5A4-4824-4632-A540-7A52C92F04C7}" showPageBreaks="1" showGridLines="0" fitToPage="1" printArea="1">
      <selection activeCell="E26" sqref="E26:G26"/>
      <pageMargins left="0.19685039370078741" right="0.19685039370078741" top="0.59055118110236227" bottom="0.19685039370078741" header="0" footer="0"/>
      <printOptions horizontalCentered="1"/>
      <pageSetup paperSize="9" scale="67" orientation="portrait" r:id="rId1"/>
      <headerFooter alignWithMargins="0"/>
    </customSheetView>
    <customSheetView guid="{3AAF6A5F-F9AA-430B-9AD9-1261ECDF41B5}" showPageBreaks="1" showGridLines="0" fitToPage="1" printArea="1" topLeftCell="B25">
      <selection activeCell="N23" sqref="N23"/>
      <pageMargins left="0.19685039370078741" right="0.19685039370078741" top="0.19685039370078741" bottom="0.19685039370078741" header="0.51181102362204722" footer="0.51181102362204722"/>
      <printOptions horizontalCentered="1"/>
      <pageSetup paperSize="9" scale="66" orientation="portrait" r:id="rId2"/>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3"/>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4"/>
      <headerFooter alignWithMargins="0"/>
    </customSheetView>
    <customSheetView guid="{6DBFA32C-4AA4-4E1D-9A48-697377C64CC3}" showPageBreaks="1" showGridLines="0" fitToPage="1" printArea="1" topLeftCell="A34">
      <selection activeCell="A52" sqref="A52"/>
      <pageMargins left="0.19685039370078741" right="0.19685039370078741" top="0.59055118110236227" bottom="0.19685039370078741" header="0" footer="0"/>
      <printOptions horizontalCentered="1"/>
      <pageSetup paperSize="9" scale="67" orientation="portrait" r:id="rId5"/>
      <headerFooter alignWithMargins="0"/>
    </customSheetView>
    <customSheetView guid="{25EF1E0D-169B-4051-B414-7E1196FC05E4}" showPageBreaks="1" showGridLines="0" fitToPage="1" printArea="1" topLeftCell="B7">
      <selection activeCell="J21" sqref="J21"/>
      <pageMargins left="0.19685039370078741" right="0.19685039370078741" top="0.19685039370078741" bottom="0.19685039370078741" header="0.51181102362204722" footer="0"/>
      <printOptions horizontalCentered="1"/>
      <pageSetup paperSize="9" scale="66" orientation="portrait" r:id="rId6"/>
      <headerFooter alignWithMargins="0"/>
    </customSheetView>
    <customSheetView guid="{C779D862-DE28-46CD-A428-4AAA1056D1E1}" showPageBreaks="1" showGridLines="0" fitToPage="1" printArea="1">
      <selection activeCell="E26" sqref="E26:G26"/>
      <pageMargins left="0.19685039370078741" right="0.19685039370078741" top="0.59055118110236227" bottom="0.19685039370078741" header="0" footer="0"/>
      <printOptions horizontalCentered="1"/>
      <pageSetup paperSize="9" scale="66" orientation="portrait" r:id="rId7"/>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pageSetUpPr fitToPage="1"/>
  </sheetPr>
  <dimension ref="A1:I88"/>
  <sheetViews>
    <sheetView showGridLines="0" zoomScaleNormal="100" workbookViewId="0">
      <selection activeCell="F13" sqref="F13:H13"/>
    </sheetView>
  </sheetViews>
  <sheetFormatPr defaultColWidth="9.140625" defaultRowHeight="11.25" customHeight="1" x14ac:dyDescent="0.2"/>
  <cols>
    <col min="1" max="1" width="59.28515625" style="20" customWidth="1"/>
    <col min="2" max="2" width="20.5703125" style="20" bestFit="1" customWidth="1"/>
    <col min="3" max="3" width="20.28515625" style="239" bestFit="1" customWidth="1"/>
    <col min="4" max="4" width="19.85546875" style="20" customWidth="1"/>
    <col min="5" max="5" width="20.140625" style="20" bestFit="1" customWidth="1"/>
    <col min="6" max="6" width="19.5703125" style="20" bestFit="1" customWidth="1"/>
    <col min="7" max="8" width="16.7109375" style="20" customWidth="1"/>
    <col min="9" max="16384" width="9.140625" style="20"/>
  </cols>
  <sheetData>
    <row r="1" spans="1:9" s="53" customFormat="1" ht="11.25" customHeight="1" x14ac:dyDescent="0.2">
      <c r="A1" s="328"/>
      <c r="B1" s="328"/>
      <c r="C1" s="328"/>
      <c r="D1" s="328"/>
      <c r="E1" s="328"/>
      <c r="F1" s="328"/>
      <c r="G1" s="328"/>
      <c r="H1" s="328"/>
    </row>
    <row r="2" spans="1:9" s="53" customFormat="1" ht="11.25" customHeight="1" x14ac:dyDescent="0.2">
      <c r="A2" s="29"/>
      <c r="B2" s="29"/>
      <c r="C2" s="128"/>
      <c r="D2" s="29"/>
      <c r="F2" s="616"/>
    </row>
    <row r="3" spans="1:9" s="227" customFormat="1" ht="11.25" customHeight="1" x14ac:dyDescent="0.2">
      <c r="A3" s="762" t="s">
        <v>641</v>
      </c>
      <c r="B3" s="762"/>
      <c r="C3" s="762"/>
      <c r="D3" s="762"/>
      <c r="E3" s="762"/>
      <c r="F3" s="762"/>
      <c r="G3" s="762"/>
      <c r="H3" s="762"/>
    </row>
    <row r="4" spans="1:9" s="227" customFormat="1" ht="11.25" customHeight="1" x14ac:dyDescent="0.2">
      <c r="A4" s="762" t="s">
        <v>105</v>
      </c>
      <c r="B4" s="762"/>
      <c r="C4" s="762"/>
      <c r="D4" s="762"/>
      <c r="E4" s="762"/>
      <c r="F4" s="762"/>
      <c r="G4" s="762"/>
      <c r="H4" s="762"/>
    </row>
    <row r="5" spans="1:9" s="227" customFormat="1" ht="11.25" customHeight="1" x14ac:dyDescent="0.2">
      <c r="A5" s="762" t="s">
        <v>583</v>
      </c>
      <c r="B5" s="762"/>
      <c r="C5" s="762"/>
      <c r="D5" s="762"/>
      <c r="E5" s="762"/>
      <c r="F5" s="762"/>
      <c r="G5" s="762"/>
      <c r="H5" s="762"/>
    </row>
    <row r="6" spans="1:9" s="227" customFormat="1" ht="11.25" customHeight="1" x14ac:dyDescent="0.2">
      <c r="A6" s="762" t="s">
        <v>107</v>
      </c>
      <c r="B6" s="762"/>
      <c r="C6" s="762"/>
      <c r="D6" s="762"/>
      <c r="E6" s="762"/>
      <c r="F6" s="762"/>
      <c r="G6" s="762"/>
      <c r="H6" s="762"/>
    </row>
    <row r="7" spans="1:9" s="227" customFormat="1" ht="11.25" customHeight="1" x14ac:dyDescent="0.2">
      <c r="A7" s="762" t="s">
        <v>874</v>
      </c>
      <c r="B7" s="762"/>
      <c r="C7" s="762"/>
      <c r="D7" s="762"/>
      <c r="E7" s="762"/>
      <c r="F7" s="762"/>
      <c r="G7" s="762"/>
      <c r="H7" s="762"/>
    </row>
    <row r="8" spans="1:9" s="53" customFormat="1" ht="11.25" customHeight="1" x14ac:dyDescent="0.2">
      <c r="A8" s="29"/>
      <c r="B8" s="342"/>
      <c r="C8" s="342"/>
      <c r="D8" s="29"/>
      <c r="E8" s="606"/>
    </row>
    <row r="9" spans="1:9" s="53" customFormat="1" ht="11.25" customHeight="1" x14ac:dyDescent="0.2">
      <c r="A9" s="156" t="s">
        <v>584</v>
      </c>
      <c r="B9" s="414"/>
      <c r="C9" s="413"/>
      <c r="D9" s="662"/>
      <c r="E9" s="662"/>
      <c r="H9" s="253">
        <v>1</v>
      </c>
    </row>
    <row r="10" spans="1:9" s="233" customFormat="1" ht="16.5" customHeight="1" x14ac:dyDescent="0.2">
      <c r="A10" s="751" t="s">
        <v>585</v>
      </c>
      <c r="B10" s="820" t="s">
        <v>235</v>
      </c>
      <c r="C10" s="822"/>
      <c r="D10" s="860" t="s">
        <v>109</v>
      </c>
      <c r="E10" s="858"/>
      <c r="F10" s="858"/>
      <c r="G10" s="858"/>
      <c r="H10" s="858"/>
    </row>
    <row r="11" spans="1:9" s="233" customFormat="1" ht="18" customHeight="1" x14ac:dyDescent="0.2">
      <c r="A11" s="752"/>
      <c r="B11" s="850"/>
      <c r="C11" s="825"/>
      <c r="D11" s="820" t="s">
        <v>115</v>
      </c>
      <c r="E11" s="821"/>
      <c r="F11" s="823" t="s">
        <v>115</v>
      </c>
      <c r="G11" s="823"/>
      <c r="H11" s="820"/>
    </row>
    <row r="12" spans="1:9" s="233" customFormat="1" ht="18" customHeight="1" x14ac:dyDescent="0.2">
      <c r="A12" s="753"/>
      <c r="B12" s="851"/>
      <c r="C12" s="826"/>
      <c r="D12" s="848">
        <v>2015</v>
      </c>
      <c r="E12" s="867"/>
      <c r="F12" s="824">
        <v>2014</v>
      </c>
      <c r="G12" s="824"/>
      <c r="H12" s="851"/>
    </row>
    <row r="13" spans="1:9" s="233" customFormat="1" ht="11.25" customHeight="1" x14ac:dyDescent="0.2">
      <c r="A13" s="71" t="s">
        <v>586</v>
      </c>
      <c r="B13" s="917">
        <v>12408878374.960001</v>
      </c>
      <c r="C13" s="918"/>
      <c r="D13" s="917">
        <v>5686285009.8899994</v>
      </c>
      <c r="E13" s="918"/>
      <c r="F13" s="741">
        <v>5675437050.71</v>
      </c>
      <c r="G13" s="742"/>
      <c r="H13" s="742"/>
      <c r="I13" s="606"/>
    </row>
    <row r="14" spans="1:9" ht="11.25" customHeight="1" x14ac:dyDescent="0.2">
      <c r="A14" s="65" t="s">
        <v>587</v>
      </c>
      <c r="B14" s="913">
        <v>7047013200</v>
      </c>
      <c r="C14" s="914"/>
      <c r="D14" s="913">
        <v>3549533596.3499999</v>
      </c>
      <c r="E14" s="914"/>
      <c r="F14" s="731">
        <v>3397455137.9000001</v>
      </c>
      <c r="G14" s="732"/>
      <c r="H14" s="732"/>
      <c r="I14" s="606"/>
    </row>
    <row r="15" spans="1:9" ht="11.25" customHeight="1" x14ac:dyDescent="0.2">
      <c r="A15" s="128" t="s">
        <v>419</v>
      </c>
      <c r="B15" s="913">
        <v>5724506000</v>
      </c>
      <c r="C15" s="914"/>
      <c r="D15" s="913">
        <v>2900696095.3499999</v>
      </c>
      <c r="E15" s="914"/>
      <c r="F15" s="731">
        <v>2790510133.5500002</v>
      </c>
      <c r="G15" s="732"/>
      <c r="H15" s="732"/>
      <c r="I15" s="606"/>
    </row>
    <row r="16" spans="1:9" ht="11.25" customHeight="1" x14ac:dyDescent="0.2">
      <c r="A16" s="128" t="s">
        <v>420</v>
      </c>
      <c r="B16" s="913">
        <v>295507000</v>
      </c>
      <c r="C16" s="914"/>
      <c r="D16" s="913">
        <v>254188953.45999998</v>
      </c>
      <c r="E16" s="914"/>
      <c r="F16" s="731">
        <v>241998703.19</v>
      </c>
      <c r="G16" s="732"/>
      <c r="H16" s="732"/>
      <c r="I16" s="606"/>
    </row>
    <row r="17" spans="1:9" ht="11.25" customHeight="1" x14ac:dyDescent="0.2">
      <c r="A17" s="128" t="s">
        <v>421</v>
      </c>
      <c r="B17" s="913">
        <v>84640000</v>
      </c>
      <c r="C17" s="914"/>
      <c r="D17" s="915">
        <v>35007694.219999999</v>
      </c>
      <c r="E17" s="914"/>
      <c r="F17" s="731">
        <v>32993607.609999999</v>
      </c>
      <c r="G17" s="732"/>
      <c r="H17" s="732"/>
      <c r="I17" s="606"/>
    </row>
    <row r="18" spans="1:9" ht="11.25" customHeight="1" x14ac:dyDescent="0.2">
      <c r="A18" s="128" t="s">
        <v>418</v>
      </c>
      <c r="B18" s="913">
        <v>510400000</v>
      </c>
      <c r="C18" s="914"/>
      <c r="D18" s="913">
        <v>241720242.22</v>
      </c>
      <c r="E18" s="914"/>
      <c r="F18" s="731">
        <v>213871643.97</v>
      </c>
      <c r="G18" s="732"/>
      <c r="H18" s="732"/>
      <c r="I18" s="606"/>
    </row>
    <row r="19" spans="1:9" ht="11.25" customHeight="1" x14ac:dyDescent="0.2">
      <c r="A19" s="129" t="s">
        <v>422</v>
      </c>
      <c r="B19" s="913">
        <v>431960200</v>
      </c>
      <c r="C19" s="914"/>
      <c r="D19" s="913">
        <v>117920611.10000038</v>
      </c>
      <c r="E19" s="914"/>
      <c r="F19" s="731">
        <v>118081049.58</v>
      </c>
      <c r="G19" s="732"/>
      <c r="H19" s="732"/>
      <c r="I19" s="606"/>
    </row>
    <row r="20" spans="1:9" ht="11.25" customHeight="1" x14ac:dyDescent="0.2">
      <c r="A20" s="65" t="s">
        <v>588</v>
      </c>
      <c r="B20" s="913">
        <v>1568492900</v>
      </c>
      <c r="C20" s="914"/>
      <c r="D20" s="913">
        <v>519597147.27999997</v>
      </c>
      <c r="E20" s="914"/>
      <c r="F20" s="731">
        <v>152231263.25999999</v>
      </c>
      <c r="G20" s="732"/>
      <c r="H20" s="732"/>
      <c r="I20" s="606"/>
    </row>
    <row r="21" spans="1:9" ht="11.25" customHeight="1" x14ac:dyDescent="0.2">
      <c r="A21" s="65" t="s">
        <v>589</v>
      </c>
      <c r="B21" s="913">
        <v>1568492900</v>
      </c>
      <c r="C21" s="914"/>
      <c r="D21" s="913">
        <v>519597147.27999997</v>
      </c>
      <c r="E21" s="914"/>
      <c r="F21" s="731">
        <v>151839582.72</v>
      </c>
      <c r="G21" s="732"/>
      <c r="H21" s="732"/>
      <c r="I21" s="606"/>
    </row>
    <row r="22" spans="1:9" ht="11.25" customHeight="1" x14ac:dyDescent="0.2">
      <c r="A22" s="65" t="s">
        <v>155</v>
      </c>
      <c r="B22" s="913">
        <v>0</v>
      </c>
      <c r="C22" s="914"/>
      <c r="D22" s="913">
        <v>0</v>
      </c>
      <c r="E22" s="914"/>
      <c r="F22" s="731">
        <v>391680.54</v>
      </c>
      <c r="G22" s="732"/>
      <c r="H22" s="732"/>
      <c r="I22" s="606"/>
    </row>
    <row r="23" spans="1:9" ht="11.25" customHeight="1" x14ac:dyDescent="0.2">
      <c r="A23" s="65" t="s">
        <v>590</v>
      </c>
      <c r="B23" s="913">
        <v>69010910.199999988</v>
      </c>
      <c r="C23" s="914"/>
      <c r="D23" s="913">
        <v>4164973.6899999976</v>
      </c>
      <c r="E23" s="914"/>
      <c r="F23" s="731">
        <v>12507580.850000001</v>
      </c>
      <c r="G23" s="732"/>
      <c r="H23" s="732"/>
      <c r="I23" s="606"/>
    </row>
    <row r="24" spans="1:9" ht="11.25" customHeight="1" x14ac:dyDescent="0.2">
      <c r="A24" s="65" t="s">
        <v>312</v>
      </c>
      <c r="B24" s="913">
        <v>136405310.19999999</v>
      </c>
      <c r="C24" s="914"/>
      <c r="D24" s="913">
        <v>47340626</v>
      </c>
      <c r="E24" s="914"/>
      <c r="F24" s="731">
        <v>61376085.789999999</v>
      </c>
      <c r="G24" s="732"/>
      <c r="H24" s="732"/>
      <c r="I24" s="606"/>
    </row>
    <row r="25" spans="1:9" ht="11.25" customHeight="1" x14ac:dyDescent="0.2">
      <c r="A25" s="65" t="s">
        <v>591</v>
      </c>
      <c r="B25" s="913">
        <v>67394400</v>
      </c>
      <c r="C25" s="914"/>
      <c r="D25" s="913">
        <v>43175652.310000002</v>
      </c>
      <c r="E25" s="914"/>
      <c r="F25" s="731">
        <v>48868504.939999998</v>
      </c>
      <c r="G25" s="732"/>
      <c r="H25" s="732"/>
      <c r="I25" s="606"/>
    </row>
    <row r="26" spans="1:9" ht="11.25" customHeight="1" x14ac:dyDescent="0.2">
      <c r="A26" s="65" t="s">
        <v>182</v>
      </c>
      <c r="B26" s="913">
        <v>2984392800</v>
      </c>
      <c r="C26" s="914"/>
      <c r="D26" s="913">
        <v>1193466448.1599998</v>
      </c>
      <c r="E26" s="914"/>
      <c r="F26" s="731">
        <v>1217592721.98</v>
      </c>
      <c r="G26" s="732"/>
      <c r="H26" s="732"/>
      <c r="I26" s="606"/>
    </row>
    <row r="27" spans="1:9" ht="11.25" customHeight="1" x14ac:dyDescent="0.2">
      <c r="A27" s="72" t="s">
        <v>808</v>
      </c>
      <c r="B27" s="913">
        <v>856400000</v>
      </c>
      <c r="C27" s="914"/>
      <c r="D27" s="913">
        <v>448142280.06999999</v>
      </c>
      <c r="E27" s="914"/>
      <c r="F27" s="731">
        <v>415984017.35000002</v>
      </c>
      <c r="G27" s="732"/>
      <c r="H27" s="732"/>
      <c r="I27" s="606"/>
    </row>
    <row r="28" spans="1:9" ht="11.25" customHeight="1" x14ac:dyDescent="0.2">
      <c r="A28" s="65" t="s">
        <v>592</v>
      </c>
      <c r="B28" s="913">
        <v>283978900</v>
      </c>
      <c r="C28" s="914"/>
      <c r="D28" s="913">
        <v>10676333.48</v>
      </c>
      <c r="E28" s="914"/>
      <c r="F28" s="731">
        <v>28857637.41</v>
      </c>
      <c r="G28" s="732"/>
      <c r="H28" s="732"/>
      <c r="I28" s="606"/>
    </row>
    <row r="29" spans="1:9" ht="11.25" customHeight="1" x14ac:dyDescent="0.2">
      <c r="A29" s="65" t="s">
        <v>593</v>
      </c>
      <c r="B29" s="913">
        <v>1844013900</v>
      </c>
      <c r="C29" s="914"/>
      <c r="D29" s="913">
        <v>734647834.6099999</v>
      </c>
      <c r="E29" s="914"/>
      <c r="F29" s="731">
        <v>772751067.22000003</v>
      </c>
      <c r="G29" s="732"/>
      <c r="H29" s="732"/>
      <c r="I29" s="606"/>
    </row>
    <row r="30" spans="1:9" ht="11.25" customHeight="1" x14ac:dyDescent="0.2">
      <c r="A30" s="65" t="s">
        <v>594</v>
      </c>
      <c r="B30" s="913">
        <v>739968564.75999999</v>
      </c>
      <c r="C30" s="914"/>
      <c r="D30" s="913">
        <v>419522844.40999997</v>
      </c>
      <c r="E30" s="914"/>
      <c r="F30" s="731">
        <v>895650346.72000003</v>
      </c>
      <c r="G30" s="732"/>
      <c r="H30" s="732"/>
      <c r="I30" s="606"/>
    </row>
    <row r="31" spans="1:9" ht="11.25" customHeight="1" x14ac:dyDescent="0.2">
      <c r="A31" s="65" t="s">
        <v>595</v>
      </c>
      <c r="B31" s="913">
        <v>9180000</v>
      </c>
      <c r="C31" s="914"/>
      <c r="D31" s="913">
        <v>6359920.0700000003</v>
      </c>
      <c r="E31" s="914"/>
      <c r="F31" s="731">
        <v>8456964.4700000007</v>
      </c>
      <c r="G31" s="732"/>
      <c r="H31" s="732"/>
      <c r="I31" s="606"/>
    </row>
    <row r="32" spans="1:9" ht="11.25" customHeight="1" x14ac:dyDescent="0.2">
      <c r="A32" s="65" t="s">
        <v>596</v>
      </c>
      <c r="B32" s="913">
        <v>730788564.75999999</v>
      </c>
      <c r="C32" s="914"/>
      <c r="D32" s="913">
        <v>413162924.33999997</v>
      </c>
      <c r="E32" s="914"/>
      <c r="F32" s="731">
        <v>887193382.25</v>
      </c>
      <c r="G32" s="732"/>
      <c r="H32" s="732"/>
      <c r="I32" s="606"/>
    </row>
    <row r="33" spans="1:9" s="233" customFormat="1" ht="11.25" customHeight="1" x14ac:dyDescent="0.2">
      <c r="A33" s="71" t="s">
        <v>597</v>
      </c>
      <c r="B33" s="919">
        <v>711616949.01999998</v>
      </c>
      <c r="C33" s="920"/>
      <c r="D33" s="919">
        <v>262685140.95000002</v>
      </c>
      <c r="E33" s="920"/>
      <c r="F33" s="747">
        <v>443322647.95999998</v>
      </c>
      <c r="G33" s="748"/>
      <c r="H33" s="748"/>
      <c r="I33" s="606"/>
    </row>
    <row r="34" spans="1:9" ht="11.25" customHeight="1" x14ac:dyDescent="0.2">
      <c r="A34" s="65" t="s">
        <v>598</v>
      </c>
      <c r="B34" s="913">
        <v>37886849.020000003</v>
      </c>
      <c r="C34" s="914"/>
      <c r="D34" s="913">
        <v>8098849.0199999996</v>
      </c>
      <c r="E34" s="914"/>
      <c r="F34" s="731">
        <v>153367778.15000001</v>
      </c>
      <c r="G34" s="732"/>
      <c r="H34" s="732"/>
      <c r="I34" s="606"/>
    </row>
    <row r="35" spans="1:9" ht="11.25" customHeight="1" x14ac:dyDescent="0.2">
      <c r="A35" s="65" t="s">
        <v>599</v>
      </c>
      <c r="B35" s="913">
        <v>2054800</v>
      </c>
      <c r="C35" s="914"/>
      <c r="D35" s="913">
        <v>1068382.79</v>
      </c>
      <c r="E35" s="914"/>
      <c r="F35" s="731">
        <v>1062934.04</v>
      </c>
      <c r="G35" s="732"/>
      <c r="H35" s="732"/>
      <c r="I35" s="606"/>
    </row>
    <row r="36" spans="1:9" s="233" customFormat="1" ht="11.25" customHeight="1" x14ac:dyDescent="0.2">
      <c r="A36" s="65" t="s">
        <v>869</v>
      </c>
      <c r="B36" s="913">
        <v>7652000</v>
      </c>
      <c r="C36" s="914"/>
      <c r="D36" s="913">
        <v>345024.35</v>
      </c>
      <c r="E36" s="914"/>
      <c r="F36" s="731">
        <v>2649864.6800000002</v>
      </c>
      <c r="G36" s="732"/>
      <c r="H36" s="732"/>
      <c r="I36" s="606"/>
    </row>
    <row r="37" spans="1:9" ht="11.25" customHeight="1" x14ac:dyDescent="0.2">
      <c r="A37" s="65" t="s">
        <v>600</v>
      </c>
      <c r="B37" s="913">
        <v>664023300</v>
      </c>
      <c r="C37" s="914"/>
      <c r="D37" s="913">
        <v>253172884.79000002</v>
      </c>
      <c r="E37" s="914"/>
      <c r="F37" s="731">
        <v>286242071.08999997</v>
      </c>
      <c r="G37" s="732"/>
      <c r="H37" s="732"/>
      <c r="I37" s="606"/>
    </row>
    <row r="38" spans="1:9" ht="11.25" customHeight="1" x14ac:dyDescent="0.2">
      <c r="A38" s="65" t="s">
        <v>592</v>
      </c>
      <c r="B38" s="913">
        <v>219840300</v>
      </c>
      <c r="C38" s="914"/>
      <c r="D38" s="913">
        <v>27953139.390000001</v>
      </c>
      <c r="E38" s="914"/>
      <c r="F38" s="731">
        <v>36238065.670000002</v>
      </c>
      <c r="G38" s="732"/>
      <c r="H38" s="732"/>
      <c r="I38" s="606"/>
    </row>
    <row r="39" spans="1:9" ht="11.25" customHeight="1" x14ac:dyDescent="0.2">
      <c r="A39" s="65" t="s">
        <v>601</v>
      </c>
      <c r="B39" s="913">
        <v>444183000</v>
      </c>
      <c r="C39" s="914"/>
      <c r="D39" s="913">
        <v>225219745.40000004</v>
      </c>
      <c r="E39" s="914"/>
      <c r="F39" s="731">
        <v>250004005.41999999</v>
      </c>
      <c r="G39" s="732"/>
      <c r="H39" s="732"/>
      <c r="I39" s="606"/>
    </row>
    <row r="40" spans="1:9" ht="11.25" customHeight="1" x14ac:dyDescent="0.2">
      <c r="A40" s="65" t="s">
        <v>203</v>
      </c>
      <c r="B40" s="913">
        <v>0</v>
      </c>
      <c r="C40" s="914"/>
      <c r="D40" s="913">
        <v>0</v>
      </c>
      <c r="E40" s="914"/>
      <c r="F40" s="731">
        <v>0</v>
      </c>
      <c r="G40" s="732"/>
      <c r="H40" s="732"/>
      <c r="I40" s="606"/>
    </row>
    <row r="41" spans="1:9" s="233" customFormat="1" ht="11.25" customHeight="1" x14ac:dyDescent="0.2">
      <c r="A41" s="71" t="s">
        <v>602</v>
      </c>
      <c r="B41" s="919">
        <v>664023300</v>
      </c>
      <c r="C41" s="920"/>
      <c r="D41" s="919">
        <v>253172884.79000002</v>
      </c>
      <c r="E41" s="920"/>
      <c r="F41" s="747">
        <v>286242071.08999991</v>
      </c>
      <c r="G41" s="748"/>
      <c r="H41" s="748"/>
      <c r="I41" s="606"/>
    </row>
    <row r="42" spans="1:9" s="233" customFormat="1" ht="15" customHeight="1" x14ac:dyDescent="0.2">
      <c r="A42" s="249" t="s">
        <v>603</v>
      </c>
      <c r="B42" s="921">
        <v>13072901674.960001</v>
      </c>
      <c r="C42" s="922"/>
      <c r="D42" s="921">
        <v>5939457894.6799994</v>
      </c>
      <c r="E42" s="922"/>
      <c r="F42" s="757">
        <v>5961679121.8000002</v>
      </c>
      <c r="G42" s="758"/>
      <c r="H42" s="758"/>
    </row>
    <row r="43" spans="1:9" ht="5.0999999999999996" customHeight="1" x14ac:dyDescent="0.2">
      <c r="A43" s="73"/>
      <c r="B43" s="642"/>
      <c r="C43" s="240"/>
      <c r="D43" s="240"/>
    </row>
    <row r="44" spans="1:9" s="233" customFormat="1" ht="30.75" customHeight="1" x14ac:dyDescent="0.2">
      <c r="A44" s="751" t="s">
        <v>604</v>
      </c>
      <c r="B44" s="228" t="s">
        <v>157</v>
      </c>
      <c r="C44" s="860" t="s">
        <v>158</v>
      </c>
      <c r="D44" s="859"/>
      <c r="E44" s="860" t="s">
        <v>159</v>
      </c>
      <c r="F44" s="859"/>
      <c r="G44" s="872" t="s">
        <v>348</v>
      </c>
      <c r="H44" s="858"/>
    </row>
    <row r="45" spans="1:9" s="233" customFormat="1" ht="11.25" customHeight="1" x14ac:dyDescent="0.2">
      <c r="A45" s="752"/>
      <c r="B45" s="794" t="s">
        <v>112</v>
      </c>
      <c r="C45" s="230" t="s">
        <v>115</v>
      </c>
      <c r="D45" s="230" t="s">
        <v>115</v>
      </c>
      <c r="E45" s="230" t="s">
        <v>115</v>
      </c>
      <c r="F45" s="230" t="s">
        <v>115</v>
      </c>
      <c r="G45" s="872" t="s">
        <v>745</v>
      </c>
      <c r="H45" s="872" t="s">
        <v>746</v>
      </c>
    </row>
    <row r="46" spans="1:9" s="233" customFormat="1" ht="17.25" customHeight="1" x14ac:dyDescent="0.2">
      <c r="A46" s="753"/>
      <c r="B46" s="916"/>
      <c r="C46" s="235">
        <v>2015</v>
      </c>
      <c r="D46" s="238">
        <v>2014</v>
      </c>
      <c r="E46" s="235">
        <v>2015</v>
      </c>
      <c r="F46" s="238">
        <v>2014</v>
      </c>
      <c r="G46" s="848"/>
      <c r="H46" s="848"/>
    </row>
    <row r="47" spans="1:9" s="233" customFormat="1" ht="11.25" customHeight="1" x14ac:dyDescent="0.2">
      <c r="A47" s="71" t="s">
        <v>605</v>
      </c>
      <c r="B47" s="415">
        <v>11654684783</v>
      </c>
      <c r="C47" s="415">
        <v>8398534650.3199997</v>
      </c>
      <c r="D47" s="415">
        <v>5765532350.5900002</v>
      </c>
      <c r="E47" s="415">
        <v>5752361588.25</v>
      </c>
      <c r="F47" s="608">
        <v>4931781366.7800007</v>
      </c>
      <c r="G47" s="666"/>
      <c r="H47" s="444"/>
    </row>
    <row r="48" spans="1:9" ht="11.25" customHeight="1" x14ac:dyDescent="0.2">
      <c r="A48" s="65" t="s">
        <v>206</v>
      </c>
      <c r="B48" s="416">
        <v>6391309702</v>
      </c>
      <c r="C48" s="416">
        <v>4552926411.6499996</v>
      </c>
      <c r="D48" s="610">
        <v>3181232270.1900001</v>
      </c>
      <c r="E48" s="416">
        <v>3506739167.04</v>
      </c>
      <c r="F48" s="607">
        <v>2810960136.5900002</v>
      </c>
      <c r="G48" s="667"/>
      <c r="H48" s="598"/>
    </row>
    <row r="49" spans="1:8" ht="11.25" customHeight="1" x14ac:dyDescent="0.2">
      <c r="A49" s="65" t="s">
        <v>606</v>
      </c>
      <c r="B49" s="416">
        <v>266737700</v>
      </c>
      <c r="C49" s="416">
        <v>260835700</v>
      </c>
      <c r="D49" s="610">
        <v>123659600</v>
      </c>
      <c r="E49" s="416">
        <v>122223913.26000001</v>
      </c>
      <c r="F49" s="607">
        <v>115974480.37</v>
      </c>
      <c r="G49" s="416"/>
      <c r="H49" s="598"/>
    </row>
    <row r="50" spans="1:8" ht="11.25" customHeight="1" x14ac:dyDescent="0.2">
      <c r="A50" s="65" t="s">
        <v>207</v>
      </c>
      <c r="B50" s="416">
        <v>4996637381</v>
      </c>
      <c r="C50" s="416">
        <v>3584772538.6700001</v>
      </c>
      <c r="D50" s="610">
        <v>2460640480.4000001</v>
      </c>
      <c r="E50" s="416">
        <v>2123398507.95</v>
      </c>
      <c r="F50" s="607">
        <v>2004846749.8200002</v>
      </c>
      <c r="G50" s="416"/>
      <c r="H50" s="598"/>
    </row>
    <row r="51" spans="1:8" ht="11.25" customHeight="1" x14ac:dyDescent="0.2">
      <c r="A51" s="132" t="s">
        <v>872</v>
      </c>
      <c r="B51" s="416">
        <v>2050991981.5699999</v>
      </c>
      <c r="C51" s="416">
        <v>1958993200</v>
      </c>
      <c r="D51" s="610">
        <v>1056154000</v>
      </c>
      <c r="E51" s="416">
        <v>1054558922.08</v>
      </c>
      <c r="F51" s="607">
        <v>1005202361.59</v>
      </c>
      <c r="G51" s="416"/>
      <c r="H51" s="598"/>
    </row>
    <row r="52" spans="1:8" ht="11.25" customHeight="1" x14ac:dyDescent="0.2">
      <c r="A52" s="132" t="s">
        <v>873</v>
      </c>
      <c r="B52" s="416">
        <v>2945645399.4299998</v>
      </c>
      <c r="C52" s="416">
        <v>1625779338.6699998</v>
      </c>
      <c r="D52" s="610">
        <v>1404486480.4000001</v>
      </c>
      <c r="E52" s="416">
        <v>1068839585.87</v>
      </c>
      <c r="F52" s="607">
        <v>999644388.23000002</v>
      </c>
      <c r="G52" s="416"/>
      <c r="H52" s="598"/>
    </row>
    <row r="53" spans="1:8" s="233" customFormat="1" ht="11.25" customHeight="1" x14ac:dyDescent="0.2">
      <c r="A53" s="71" t="s">
        <v>607</v>
      </c>
      <c r="B53" s="415">
        <v>11387947083</v>
      </c>
      <c r="C53" s="415">
        <v>8137698950.3199997</v>
      </c>
      <c r="D53" s="415">
        <v>5641872750.5900002</v>
      </c>
      <c r="E53" s="415">
        <v>5630137674.9899998</v>
      </c>
      <c r="F53" s="611">
        <v>4815806886.4100008</v>
      </c>
      <c r="G53" s="418"/>
      <c r="H53" s="443"/>
    </row>
    <row r="54" spans="1:8" s="233" customFormat="1" ht="11.25" customHeight="1" x14ac:dyDescent="0.2">
      <c r="A54" s="51" t="s">
        <v>608</v>
      </c>
      <c r="B54" s="415">
        <v>1917558656</v>
      </c>
      <c r="C54" s="415">
        <v>1102630120.21</v>
      </c>
      <c r="D54" s="415">
        <v>1819951194.98</v>
      </c>
      <c r="E54" s="415">
        <v>574039262.80000007</v>
      </c>
      <c r="F54" s="608">
        <v>984356467.62</v>
      </c>
      <c r="G54" s="415"/>
      <c r="H54" s="443"/>
    </row>
    <row r="55" spans="1:8" ht="11.25" customHeight="1" x14ac:dyDescent="0.2">
      <c r="A55" s="65" t="s">
        <v>578</v>
      </c>
      <c r="B55" s="416">
        <v>1254341582</v>
      </c>
      <c r="C55" s="416">
        <v>444526119.80000001</v>
      </c>
      <c r="D55" s="593">
        <v>1399755798.4400001</v>
      </c>
      <c r="E55" s="416">
        <v>213321736.59</v>
      </c>
      <c r="F55" s="607">
        <v>583648102.02999997</v>
      </c>
      <c r="G55" s="416"/>
      <c r="H55" s="598"/>
    </row>
    <row r="56" spans="1:8" ht="11.25" customHeight="1" x14ac:dyDescent="0.2">
      <c r="A56" s="65" t="s">
        <v>241</v>
      </c>
      <c r="B56" s="416">
        <v>2690974</v>
      </c>
      <c r="C56" s="416">
        <v>501849.76</v>
      </c>
      <c r="D56" s="416">
        <v>39986496.539999999</v>
      </c>
      <c r="E56" s="416">
        <v>353376.49</v>
      </c>
      <c r="F56" s="607">
        <v>31025190.84</v>
      </c>
      <c r="G56" s="416"/>
      <c r="H56" s="598"/>
    </row>
    <row r="57" spans="1:8" ht="11.25" customHeight="1" x14ac:dyDescent="0.2">
      <c r="A57" s="65" t="s">
        <v>609</v>
      </c>
      <c r="B57" s="416">
        <v>0</v>
      </c>
      <c r="C57" s="416">
        <v>473281</v>
      </c>
      <c r="D57" s="607">
        <v>1036301.13</v>
      </c>
      <c r="E57" s="416">
        <v>473281</v>
      </c>
      <c r="F57" s="607">
        <v>1036301.13</v>
      </c>
      <c r="G57" s="416"/>
      <c r="H57" s="609"/>
    </row>
    <row r="58" spans="1:8" ht="11.25" customHeight="1" x14ac:dyDescent="0.2">
      <c r="A58" s="65" t="s">
        <v>610</v>
      </c>
      <c r="B58" s="416">
        <v>0</v>
      </c>
      <c r="C58" s="416">
        <v>0</v>
      </c>
      <c r="D58" s="593">
        <v>0</v>
      </c>
      <c r="E58" s="416">
        <v>0</v>
      </c>
      <c r="F58" s="607">
        <v>0</v>
      </c>
      <c r="G58" s="416"/>
      <c r="H58" s="598"/>
    </row>
    <row r="59" spans="1:8" ht="11.25" customHeight="1" x14ac:dyDescent="0.2">
      <c r="A59" s="65" t="s">
        <v>611</v>
      </c>
      <c r="B59" s="416">
        <v>2690974</v>
      </c>
      <c r="C59" s="416">
        <v>28568.760000000009</v>
      </c>
      <c r="D59" s="593">
        <v>38950195.409999996</v>
      </c>
      <c r="E59" s="416">
        <v>-119904.51000000001</v>
      </c>
      <c r="F59" s="607">
        <v>29988889.710000001</v>
      </c>
      <c r="G59" s="416"/>
      <c r="H59" s="598"/>
    </row>
    <row r="60" spans="1:8" ht="11.25" customHeight="1" x14ac:dyDescent="0.2">
      <c r="A60" s="65" t="s">
        <v>612</v>
      </c>
      <c r="B60" s="416">
        <v>660526100</v>
      </c>
      <c r="C60" s="416">
        <v>657602150.64999998</v>
      </c>
      <c r="D60" s="593">
        <v>380208900</v>
      </c>
      <c r="E60" s="416">
        <v>360364149.72000003</v>
      </c>
      <c r="F60" s="607">
        <v>369683174.75</v>
      </c>
      <c r="G60" s="416"/>
      <c r="H60" s="598"/>
    </row>
    <row r="61" spans="1:8" s="233" customFormat="1" ht="11.25" customHeight="1" x14ac:dyDescent="0.2">
      <c r="A61" s="51" t="s">
        <v>613</v>
      </c>
      <c r="B61" s="415">
        <v>1257032556</v>
      </c>
      <c r="C61" s="415">
        <v>444554688.56000006</v>
      </c>
      <c r="D61" s="415">
        <v>1438705993.8499999</v>
      </c>
      <c r="E61" s="415">
        <v>213201832.08000004</v>
      </c>
      <c r="F61" s="608">
        <v>613636991.74000001</v>
      </c>
      <c r="G61" s="415"/>
      <c r="H61" s="443"/>
    </row>
    <row r="62" spans="1:8" s="233" customFormat="1" ht="11.25" customHeight="1" x14ac:dyDescent="0.2">
      <c r="A62" s="51" t="s">
        <v>614</v>
      </c>
      <c r="B62" s="415">
        <v>78915000</v>
      </c>
      <c r="C62" s="415">
        <v>0</v>
      </c>
      <c r="D62" s="608">
        <v>0</v>
      </c>
      <c r="E62" s="415">
        <v>0</v>
      </c>
      <c r="F62" s="608">
        <v>0</v>
      </c>
      <c r="G62" s="415"/>
      <c r="H62" s="445"/>
    </row>
    <row r="63" spans="1:8" s="233" customFormat="1" ht="11.25" customHeight="1" x14ac:dyDescent="0.2">
      <c r="A63" s="51" t="s">
        <v>615</v>
      </c>
      <c r="B63" s="415">
        <v>0</v>
      </c>
      <c r="C63" s="415">
        <v>0</v>
      </c>
      <c r="D63" s="608">
        <v>0</v>
      </c>
      <c r="E63" s="415">
        <v>0</v>
      </c>
      <c r="F63" s="608">
        <v>0</v>
      </c>
      <c r="G63" s="415"/>
      <c r="H63" s="446"/>
    </row>
    <row r="64" spans="1:8" s="233" customFormat="1" ht="15" customHeight="1" x14ac:dyDescent="0.2">
      <c r="A64" s="134" t="s">
        <v>616</v>
      </c>
      <c r="B64" s="357">
        <v>12723894639</v>
      </c>
      <c r="C64" s="357">
        <v>8582253638.8800001</v>
      </c>
      <c r="D64" s="357">
        <v>7080578744.4400005</v>
      </c>
      <c r="E64" s="357">
        <v>5843339507.0699997</v>
      </c>
      <c r="F64" s="442">
        <v>5429443878.1500006</v>
      </c>
      <c r="G64" s="357">
        <v>0</v>
      </c>
      <c r="H64" s="365">
        <v>0</v>
      </c>
    </row>
    <row r="65" spans="1:8" ht="5.0999999999999996" customHeight="1" x14ac:dyDescent="0.2">
      <c r="A65" s="133"/>
      <c r="B65" s="25"/>
      <c r="C65" s="28"/>
      <c r="D65" s="28"/>
      <c r="F65" s="239"/>
      <c r="G65" s="490"/>
      <c r="H65" s="239"/>
    </row>
    <row r="66" spans="1:8" s="233" customFormat="1" ht="15" customHeight="1" x14ac:dyDescent="0.2">
      <c r="A66" s="134" t="s">
        <v>617</v>
      </c>
      <c r="B66" s="503">
        <v>349007035.96000099</v>
      </c>
      <c r="C66" s="503"/>
      <c r="D66" s="504"/>
      <c r="E66" s="503">
        <v>96118387.609999657</v>
      </c>
      <c r="F66" s="503">
        <v>532235243.64999962</v>
      </c>
      <c r="G66" s="503">
        <v>0</v>
      </c>
      <c r="H66" s="257"/>
    </row>
    <row r="67" spans="1:8" ht="5.0999999999999996" customHeight="1" x14ac:dyDescent="0.2">
      <c r="A67" s="133"/>
      <c r="B67" s="25"/>
      <c r="C67" s="28"/>
      <c r="D67" s="28"/>
      <c r="F67" s="239"/>
      <c r="H67" s="239"/>
    </row>
    <row r="68" spans="1:8" s="233" customFormat="1" ht="15" customHeight="1" x14ac:dyDescent="0.2">
      <c r="A68" s="134" t="s">
        <v>618</v>
      </c>
      <c r="B68" s="236"/>
      <c r="C68" s="229"/>
      <c r="D68" s="229"/>
      <c r="E68" s="131"/>
      <c r="F68" s="131"/>
      <c r="G68" s="131"/>
      <c r="H68" s="131"/>
    </row>
    <row r="69" spans="1:8" ht="5.0999999999999996" customHeight="1" x14ac:dyDescent="0.2">
      <c r="A69" s="65"/>
      <c r="B69" s="240"/>
      <c r="C69" s="240"/>
      <c r="D69" s="240"/>
    </row>
    <row r="70" spans="1:8" s="254" customFormat="1" ht="11.25" customHeight="1" x14ac:dyDescent="0.2">
      <c r="A70" s="907" t="s">
        <v>569</v>
      </c>
      <c r="B70" s="907"/>
      <c r="C70" s="907"/>
      <c r="D70" s="908"/>
      <c r="E70" s="820" t="s">
        <v>570</v>
      </c>
      <c r="F70" s="821"/>
      <c r="G70" s="821"/>
      <c r="H70" s="821"/>
    </row>
    <row r="71" spans="1:8" s="254" customFormat="1" ht="11.25" customHeight="1" x14ac:dyDescent="0.2">
      <c r="A71" s="909"/>
      <c r="B71" s="909"/>
      <c r="C71" s="909"/>
      <c r="D71" s="910"/>
      <c r="E71" s="851"/>
      <c r="F71" s="882"/>
      <c r="G71" s="882"/>
      <c r="H71" s="882"/>
    </row>
    <row r="72" spans="1:8" ht="15" customHeight="1" x14ac:dyDescent="0.2">
      <c r="A72" s="911" t="s">
        <v>619</v>
      </c>
      <c r="B72" s="911"/>
      <c r="C72" s="911"/>
      <c r="D72" s="912"/>
      <c r="E72" s="905">
        <v>471749000</v>
      </c>
      <c r="F72" s="906"/>
      <c r="G72" s="906"/>
      <c r="H72" s="906"/>
    </row>
    <row r="73" spans="1:8" ht="11.25" customHeight="1" x14ac:dyDescent="0.2">
      <c r="A73" s="52" t="s">
        <v>863</v>
      </c>
      <c r="B73" s="173"/>
      <c r="C73" s="173"/>
      <c r="D73" s="173"/>
      <c r="E73" s="173"/>
      <c r="F73" s="173"/>
      <c r="G73" s="173"/>
      <c r="H73" s="330"/>
    </row>
    <row r="74" spans="1:8" s="239" customFormat="1" ht="11.25" customHeight="1" x14ac:dyDescent="0.2">
      <c r="B74" s="668"/>
      <c r="C74" s="668"/>
      <c r="D74" s="668"/>
      <c r="E74" s="668"/>
      <c r="F74" s="668"/>
    </row>
    <row r="75" spans="1:8" s="548" customFormat="1" ht="11.25" customHeight="1" x14ac:dyDescent="0.2">
      <c r="C75" s="665"/>
      <c r="D75" s="665"/>
      <c r="E75" s="665"/>
      <c r="F75" s="665"/>
    </row>
    <row r="82" s="52" customFormat="1" ht="11.25" customHeight="1" x14ac:dyDescent="0.2"/>
    <row r="83" s="52" customFormat="1" ht="11.25" customHeight="1" x14ac:dyDescent="0.2"/>
    <row r="84" s="52" customFormat="1" ht="11.25" customHeight="1" x14ac:dyDescent="0.2"/>
    <row r="85" s="52" customFormat="1" ht="11.25" customHeight="1" x14ac:dyDescent="0.2"/>
    <row r="86" s="52" customFormat="1" ht="11.25" customHeight="1" x14ac:dyDescent="0.2"/>
    <row r="87" s="52" customFormat="1" ht="11.25" customHeight="1" x14ac:dyDescent="0.2"/>
    <row r="88" s="52" customFormat="1" ht="11.25" customHeight="1" x14ac:dyDescent="0.2"/>
  </sheetData>
  <customSheetViews>
    <customSheetView guid="{82EDB5A4-4824-4632-A540-7A52C92F04C7}" scale="80" showPageBreaks="1" showGridLines="0" fitToPage="1" printArea="1">
      <selection activeCell="J12" sqref="J12"/>
      <pageMargins left="0.19685039370078741" right="0.19685039370078741" top="0.59055118110236227" bottom="0.19685039370078741" header="0" footer="0"/>
      <printOptions horizontalCentered="1"/>
      <pageSetup paperSize="9" scale="53" orientation="portrait" r:id="rId1"/>
      <headerFooter alignWithMargins="0"/>
    </customSheetView>
    <customSheetView guid="{3AAF6A5F-F9AA-430B-9AD9-1261ECDF41B5}" showPageBreaks="1" showGridLines="0" fitToPage="1" printArea="1">
      <selection activeCell="D14" sqref="D14:E14"/>
      <pageMargins left="0.31496062992125984" right="0.27559055118110237" top="0.59055118110236227" bottom="0.39370078740157483" header="0" footer="0.19685039370078741"/>
      <printOptions horizontalCentered="1"/>
      <pageSetup paperSize="9" scale="51" orientation="portrait" r:id="rId2"/>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3"/>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4"/>
      <headerFooter alignWithMargins="0">
        <oddFooter>&amp;A</oddFooter>
      </headerFooter>
    </customSheetView>
    <customSheetView guid="{6DBFA32C-4AA4-4E1D-9A48-697377C64CC3}" showPageBreaks="1" showGridLines="0" fitToPage="1" printArea="1">
      <selection activeCell="A6" sqref="A6:L6"/>
      <pageMargins left="0.19685039370078741" right="0.19685039370078741" top="0.59055118110236227" bottom="0.19685039370078741" header="0" footer="0"/>
      <printOptions horizontalCentered="1"/>
      <pageSetup paperSize="9" scale="53" orientation="portrait" r:id="rId5"/>
      <headerFooter alignWithMargins="0"/>
    </customSheetView>
    <customSheetView guid="{25EF1E0D-169B-4051-B414-7E1196FC05E4}" showPageBreaks="1" showGridLines="0" fitToPage="1" printArea="1" topLeftCell="A37">
      <selection activeCell="E64" sqref="E64"/>
      <pageMargins left="0.19685039370078741" right="0.19685039370078741" top="0.19685039370078741" bottom="0.19685039370078741" header="0" footer="0"/>
      <printOptions horizontalCentered="1"/>
      <pageSetup paperSize="9" scale="52" orientation="portrait" r:id="rId6"/>
      <headerFooter alignWithMargins="0"/>
    </customSheetView>
    <customSheetView guid="{C779D862-DE28-46CD-A428-4AAA1056D1E1}" showPageBreaks="1" showGridLines="0" fitToPage="1" printArea="1" topLeftCell="A7">
      <selection activeCell="E64" sqref="E64"/>
      <pageMargins left="0.19685039370078741" right="0.19685039370078741" top="0.59055118110236227" bottom="0.19685039370078741" header="0" footer="0"/>
      <printOptions horizontalCentered="1"/>
      <pageSetup paperSize="9" scale="52" orientation="portrait" r:id="rId7"/>
      <headerFooter alignWithMargins="0"/>
    </customSheetView>
  </customSheetViews>
  <mergeCells count="113">
    <mergeCell ref="B41:C41"/>
    <mergeCell ref="D41:E41"/>
    <mergeCell ref="F41:H41"/>
    <mergeCell ref="B42:C42"/>
    <mergeCell ref="D42:E42"/>
    <mergeCell ref="F42:H42"/>
    <mergeCell ref="B39:C39"/>
    <mergeCell ref="D39:E39"/>
    <mergeCell ref="F39:H39"/>
    <mergeCell ref="B40:C40"/>
    <mergeCell ref="D40:E40"/>
    <mergeCell ref="F40:H40"/>
    <mergeCell ref="B37:C37"/>
    <mergeCell ref="D37:E37"/>
    <mergeCell ref="F37:H37"/>
    <mergeCell ref="B38:C38"/>
    <mergeCell ref="D38:E38"/>
    <mergeCell ref="F38:H38"/>
    <mergeCell ref="B35:C35"/>
    <mergeCell ref="D35:E35"/>
    <mergeCell ref="F35:H35"/>
    <mergeCell ref="B36:C36"/>
    <mergeCell ref="D36:E36"/>
    <mergeCell ref="F36:H36"/>
    <mergeCell ref="B33:C33"/>
    <mergeCell ref="D33:E33"/>
    <mergeCell ref="F33:H33"/>
    <mergeCell ref="B34:C34"/>
    <mergeCell ref="D34:E34"/>
    <mergeCell ref="F34:H34"/>
    <mergeCell ref="B31:C31"/>
    <mergeCell ref="D31:E31"/>
    <mergeCell ref="F31:H31"/>
    <mergeCell ref="B32:C32"/>
    <mergeCell ref="D32:E32"/>
    <mergeCell ref="F32:H32"/>
    <mergeCell ref="B29:C29"/>
    <mergeCell ref="D29:E29"/>
    <mergeCell ref="F29:H29"/>
    <mergeCell ref="B30:C30"/>
    <mergeCell ref="D30:E30"/>
    <mergeCell ref="F30:H30"/>
    <mergeCell ref="B27:C27"/>
    <mergeCell ref="D27:E27"/>
    <mergeCell ref="F27:H27"/>
    <mergeCell ref="B28:C28"/>
    <mergeCell ref="D28:E28"/>
    <mergeCell ref="F28:H28"/>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s>
  <printOptions horizontalCentered="1"/>
  <pageMargins left="0.19685039370078741" right="0.19685039370078741" top="0.59055118110236227" bottom="0.19685039370078741" header="0" footer="0"/>
  <pageSetup paperSize="9" scale="53"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3-31T15:00:48Z</cp:lastPrinted>
  <dcterms:created xsi:type="dcterms:W3CDTF">2004-08-09T19:29:24Z</dcterms:created>
  <dcterms:modified xsi:type="dcterms:W3CDTF">2016-03-31T15:10:04Z</dcterms:modified>
</cp:coreProperties>
</file>